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831"/>
  <workbookPr filterPrivacy="1"/>
  <xr:revisionPtr revIDLastSave="0" documentId="13_ncr:1_{D18A19BF-3E3F-4C15-9FC5-436189DE9114}" xr6:coauthVersionLast="47" xr6:coauthVersionMax="47" xr10:uidLastSave="{00000000-0000-0000-0000-000000000000}"/>
  <bookViews>
    <workbookView xWindow="-108" yWindow="-108" windowWidth="23256" windowHeight="12576" tabRatio="812" xr2:uid="{00000000-000D-0000-FFFF-FFFF00000000}"/>
  </bookViews>
  <sheets>
    <sheet name="一般会計" sheetId="77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一般会計!$A$5:$I$19</definedName>
    <definedName name="_xlnm.Print_Area">#REF!</definedName>
    <definedName name="_xlnm.Print_Titles" localSheetId="0">一般会計!$7:$11</definedName>
    <definedName name="rrr">'[1]様式16（見直しチェックシート）'!$U$53:$V$53</definedName>
    <definedName name="その他経費営業外費用金額_1">#REF!</definedName>
    <definedName name="その他経費営業外費用金額_10">#REF!</definedName>
    <definedName name="その他経費営業外費用金額_11">#REF!</definedName>
    <definedName name="その他経費営業外費用金額_12">#REF!</definedName>
    <definedName name="その他経費営業外費用金額_13">#REF!</definedName>
    <definedName name="その他経費営業外費用金額_14">#REF!</definedName>
    <definedName name="その他経費営業外費用金額_15">#REF!</definedName>
    <definedName name="その他経費営業外費用金額_16">#REF!</definedName>
    <definedName name="その他経費営業外費用金額_17">#REF!</definedName>
    <definedName name="その他経費営業外費用金額_18">#REF!</definedName>
    <definedName name="その他経費営業外費用金額_19">#REF!</definedName>
    <definedName name="その他経費営業外費用金額_2">#REF!</definedName>
    <definedName name="その他経費営業外費用金額_20">#REF!</definedName>
    <definedName name="その他経費営業外費用金額_21">#REF!</definedName>
    <definedName name="その他経費営業外費用金額_3">#REF!</definedName>
    <definedName name="その他経費営業外費用金額_4">#REF!</definedName>
    <definedName name="その他経費営業外費用金額_5">#REF!</definedName>
    <definedName name="その他経費営業外費用金額_6">#REF!</definedName>
    <definedName name="その他経費営業外費用金額_7">#REF!</definedName>
    <definedName name="その他経費営業外費用金額_8">#REF!</definedName>
    <definedName name="その他経費営業外費用金額_9">#REF!</definedName>
    <definedName name="その他経費営業外費用税額_1">#REF!</definedName>
    <definedName name="その他経費営業外費用税額_10">#REF!</definedName>
    <definedName name="その他経費営業外費用税額_11">#REF!</definedName>
    <definedName name="その他経費営業外費用税額_12">#REF!</definedName>
    <definedName name="その他経費営業外費用税額_13">#REF!</definedName>
    <definedName name="その他経費営業外費用税額_14">#REF!</definedName>
    <definedName name="その他経費営業外費用税額_15">#REF!</definedName>
    <definedName name="その他経費営業外費用税額_16">#REF!</definedName>
    <definedName name="その他経費営業外費用税額_17">#REF!</definedName>
    <definedName name="その他経費営業外費用税額_18">#REF!</definedName>
    <definedName name="その他経費営業外費用税額_19">#REF!</definedName>
    <definedName name="その他経費営業外費用税額_2">#REF!</definedName>
    <definedName name="その他経費営業外費用税額_20">#REF!</definedName>
    <definedName name="その他経費営業外費用税額_21">#REF!</definedName>
    <definedName name="その他経費営業外費用税額_3">#REF!</definedName>
    <definedName name="その他経費営業外費用税額_4">#REF!</definedName>
    <definedName name="その他経費営業外費用税額_5">#REF!</definedName>
    <definedName name="その他経費営業外費用税額_6">#REF!</definedName>
    <definedName name="その他経費営業外費用税額_7">#REF!</definedName>
    <definedName name="その他経費営業外費用税額_8">#REF!</definedName>
    <definedName name="その他経費営業外費用税額_9">#REF!</definedName>
    <definedName name="その他経費左記以外金額_1">#REF!</definedName>
    <definedName name="その他経費左記以外金額_10">#REF!</definedName>
    <definedName name="その他経費左記以外金額_11">#REF!</definedName>
    <definedName name="その他経費左記以外金額_12">#REF!</definedName>
    <definedName name="その他経費左記以外金額_13">#REF!</definedName>
    <definedName name="その他経費左記以外金額_14">#REF!</definedName>
    <definedName name="その他経費左記以外金額_15">#REF!</definedName>
    <definedName name="その他経費左記以外金額_16">#REF!</definedName>
    <definedName name="その他経費左記以外金額_17">#REF!</definedName>
    <definedName name="その他経費左記以外金額_18">#REF!</definedName>
    <definedName name="その他経費左記以外金額_19">#REF!</definedName>
    <definedName name="その他経費左記以外金額_2">#REF!</definedName>
    <definedName name="その他経費左記以外金額_20">#REF!</definedName>
    <definedName name="その他経費左記以外金額_21">#REF!</definedName>
    <definedName name="その他経費左記以外金額_3">#REF!</definedName>
    <definedName name="その他経費左記以外金額_4">#REF!</definedName>
    <definedName name="その他経費左記以外金額_5">#REF!</definedName>
    <definedName name="その他経費左記以外金額_6">#REF!</definedName>
    <definedName name="その他経費左記以外金額_7">#REF!</definedName>
    <definedName name="その他経費左記以外金額_8">#REF!</definedName>
    <definedName name="その他経費左記以外金額_9">#REF!</definedName>
    <definedName name="その他経費左記以外税額_1">#REF!</definedName>
    <definedName name="その他経費左記以外税額_10">#REF!</definedName>
    <definedName name="その他経費左記以外税額_11">#REF!</definedName>
    <definedName name="その他経費左記以外税額_12">#REF!</definedName>
    <definedName name="その他経費左記以外税額_13">#REF!</definedName>
    <definedName name="その他経費左記以外税額_14">#REF!</definedName>
    <definedName name="その他経費左記以外税額_15">#REF!</definedName>
    <definedName name="その他経費左記以外税額_16">#REF!</definedName>
    <definedName name="その他経費左記以外税額_17">#REF!</definedName>
    <definedName name="その他経費左記以外税額_18">#REF!</definedName>
    <definedName name="その他経費左記以外税額_19">#REF!</definedName>
    <definedName name="その他経費左記以外税額_2">#REF!</definedName>
    <definedName name="その他経費左記以外税額_20">#REF!</definedName>
    <definedName name="その他経費左記以外税額_21">#REF!</definedName>
    <definedName name="その他経費左記以外税額_3">#REF!</definedName>
    <definedName name="その他経費左記以外税額_4">#REF!</definedName>
    <definedName name="その他経費左記以外税額_5">#REF!</definedName>
    <definedName name="その他経費左記以外税額_6">#REF!</definedName>
    <definedName name="その他経費左記以外税額_7">#REF!</definedName>
    <definedName name="その他経費左記以外税額_8">#REF!</definedName>
    <definedName name="その他経費左記以外税額_9">#REF!</definedName>
    <definedName name="その他経費名称_1">#REF!</definedName>
    <definedName name="その他経費名称_10">#REF!</definedName>
    <definedName name="その他経費名称_11">#REF!</definedName>
    <definedName name="その他経費名称_12">#REF!</definedName>
    <definedName name="その他経費名称_13">#REF!</definedName>
    <definedName name="その他経費名称_14">#REF!</definedName>
    <definedName name="その他経費名称_15">#REF!</definedName>
    <definedName name="その他経費名称_16">#REF!</definedName>
    <definedName name="その他経費名称_17">#REF!</definedName>
    <definedName name="その他経費名称_18">#REF!</definedName>
    <definedName name="その他経費名称_19">#REF!</definedName>
    <definedName name="その他経費名称_2">#REF!</definedName>
    <definedName name="その他経費名称_20">#REF!</definedName>
    <definedName name="その他経費名称_21">#REF!</definedName>
    <definedName name="その他経費名称_3">#REF!</definedName>
    <definedName name="その他経費名称_4">#REF!</definedName>
    <definedName name="その他経費名称_5">#REF!</definedName>
    <definedName name="その他経費名称_6">#REF!</definedName>
    <definedName name="その他経費名称_7">#REF!</definedName>
    <definedName name="その他経費名称_8">#REF!</definedName>
    <definedName name="その他経費名称_9">#REF!</definedName>
    <definedName name="ヘッダ出力金額">#REF!</definedName>
    <definedName name="ヘッダ単位">#REF!</definedName>
    <definedName name="ヘッダ年度">#REF!</definedName>
    <definedName name="勘定名称_1">#REF!</definedName>
    <definedName name="勘定名称_10">#REF!</definedName>
    <definedName name="勘定名称_11">#REF!</definedName>
    <definedName name="勘定名称_12">#REF!</definedName>
    <definedName name="勘定名称_13">#REF!</definedName>
    <definedName name="勘定名称_14">#REF!</definedName>
    <definedName name="勘定名称_15">#REF!</definedName>
    <definedName name="勘定名称_16">#REF!</definedName>
    <definedName name="勘定名称_17">#REF!</definedName>
    <definedName name="勘定名称_18">#REF!</definedName>
    <definedName name="勘定名称_19">#REF!</definedName>
    <definedName name="勘定名称_2">#REF!</definedName>
    <definedName name="勘定名称_20">#REF!</definedName>
    <definedName name="勘定名称_3">#REF!</definedName>
    <definedName name="勘定名称_4">#REF!</definedName>
    <definedName name="勘定名称_5">#REF!</definedName>
    <definedName name="勘定名称_6">#REF!</definedName>
    <definedName name="勘定名称_7">#REF!</definedName>
    <definedName name="勘定名称_8">#REF!</definedName>
    <definedName name="勘定名称_9">#REF!</definedName>
    <definedName name="決見">#REF!</definedName>
    <definedName name="見出し営業費用目名称０１">#REF!</definedName>
    <definedName name="見出し営業費用目名称０２">#REF!</definedName>
    <definedName name="見出し営業費用目名称０３">#REF!</definedName>
    <definedName name="見出し営業費用目名称０４">#REF!</definedName>
    <definedName name="見出し営業費用目名称０５">#REF!</definedName>
    <definedName name="見出し営業費用目名称０６">#REF!</definedName>
    <definedName name="見出し営業費用目名称０７">#REF!</definedName>
    <definedName name="見出し営業費用目名称０８">#REF!</definedName>
    <definedName name="見出し営業費用目名称０９">#REF!</definedName>
    <definedName name="見出し営業費用目名称１０">#REF!</definedName>
    <definedName name="見出し出力金額">#REF!</definedName>
    <definedName name="現頁">#REF!</definedName>
    <definedName name="作成時間">#REF!</definedName>
    <definedName name="作成日付">#REF!</definedName>
    <definedName name="資本丸め">#REF!</definedName>
    <definedName name="資本縦表">#REF!</definedName>
    <definedName name="資本費営業外費用金額_1">#REF!</definedName>
    <definedName name="資本費営業外費用金額_10">#REF!</definedName>
    <definedName name="資本費営業外費用金額_11">#REF!</definedName>
    <definedName name="資本費営業外費用金額_12">#REF!</definedName>
    <definedName name="資本費営業外費用金額_13">#REF!</definedName>
    <definedName name="資本費営業外費用金額_14">#REF!</definedName>
    <definedName name="資本費営業外費用金額_15">#REF!</definedName>
    <definedName name="資本費営業外費用金額_16">#REF!</definedName>
    <definedName name="資本費営業外費用金額_17">#REF!</definedName>
    <definedName name="資本費営業外費用金額_2">#REF!</definedName>
    <definedName name="資本費営業外費用金額_3">#REF!</definedName>
    <definedName name="資本費営業外費用金額_4">#REF!</definedName>
    <definedName name="資本費営業外費用金額_5">#REF!</definedName>
    <definedName name="資本費営業外費用金額_6">#REF!</definedName>
    <definedName name="資本費営業外費用金額_7">#REF!</definedName>
    <definedName name="資本費営業外費用金額_8">#REF!</definedName>
    <definedName name="資本費営業外費用金額_9">#REF!</definedName>
    <definedName name="資本費営業外費用税額_1">#REF!</definedName>
    <definedName name="資本費営業外費用税額_10">#REF!</definedName>
    <definedName name="資本費営業外費用税額_11">#REF!</definedName>
    <definedName name="資本費営業外費用税額_12">#REF!</definedName>
    <definedName name="資本費営業外費用税額_13">#REF!</definedName>
    <definedName name="資本費営業外費用税額_14">#REF!</definedName>
    <definedName name="資本費営業外費用税額_15">#REF!</definedName>
    <definedName name="資本費営業外費用税額_16">#REF!</definedName>
    <definedName name="資本費営業外費用税額_17">#REF!</definedName>
    <definedName name="資本費営業外費用税額_2">#REF!</definedName>
    <definedName name="資本費営業外費用税額_3">#REF!</definedName>
    <definedName name="資本費営業外費用税額_4">#REF!</definedName>
    <definedName name="資本費営業外費用税額_5">#REF!</definedName>
    <definedName name="資本費営業外費用税額_6">#REF!</definedName>
    <definedName name="資本費営業外費用税額_7">#REF!</definedName>
    <definedName name="資本費営業外費用税額_8">#REF!</definedName>
    <definedName name="資本費営業外費用税額_9">#REF!</definedName>
    <definedName name="資本費左記以外金額_1">#REF!</definedName>
    <definedName name="資本費左記以外金額_10">#REF!</definedName>
    <definedName name="資本費左記以外金額_11">#REF!</definedName>
    <definedName name="資本費左記以外金額_12">#REF!</definedName>
    <definedName name="資本費左記以外金額_13">#REF!</definedName>
    <definedName name="資本費左記以外金額_14">#REF!</definedName>
    <definedName name="資本費左記以外金額_15">#REF!</definedName>
    <definedName name="資本費左記以外金額_16">#REF!</definedName>
    <definedName name="資本費左記以外金額_17">#REF!</definedName>
    <definedName name="資本費左記以外金額_2">#REF!</definedName>
    <definedName name="資本費左記以外金額_3">#REF!</definedName>
    <definedName name="資本費左記以外金額_4">#REF!</definedName>
    <definedName name="資本費左記以外金額_5">#REF!</definedName>
    <definedName name="資本費左記以外金額_6">#REF!</definedName>
    <definedName name="資本費左記以外金額_7">#REF!</definedName>
    <definedName name="資本費左記以外金額_8">#REF!</definedName>
    <definedName name="資本費左記以外金額_9">#REF!</definedName>
    <definedName name="資本費左記以外税額_1">#REF!</definedName>
    <definedName name="資本費左記以外税額_10">#REF!</definedName>
    <definedName name="資本費左記以外税額_11">#REF!</definedName>
    <definedName name="資本費左記以外税額_12">#REF!</definedName>
    <definedName name="資本費左記以外税額_13">#REF!</definedName>
    <definedName name="資本費左記以外税額_14">#REF!</definedName>
    <definedName name="資本費左記以外税額_15">#REF!</definedName>
    <definedName name="資本費左記以外税額_16">#REF!</definedName>
    <definedName name="資本費左記以外税額_17">#REF!</definedName>
    <definedName name="資本費左記以外税額_2">#REF!</definedName>
    <definedName name="資本費左記以外税額_3">#REF!</definedName>
    <definedName name="資本費左記以外税額_4">#REF!</definedName>
    <definedName name="資本費左記以外税額_5">#REF!</definedName>
    <definedName name="資本費左記以外税額_6">#REF!</definedName>
    <definedName name="資本費左記以外税額_7">#REF!</definedName>
    <definedName name="資本費左記以外税額_8">#REF!</definedName>
    <definedName name="資本費左記以外税額_9">#REF!</definedName>
    <definedName name="資本費名称_1">#REF!</definedName>
    <definedName name="資本費名称_10">#REF!</definedName>
    <definedName name="資本費名称_11">#REF!</definedName>
    <definedName name="資本費名称_12">#REF!</definedName>
    <definedName name="資本費名称_13">#REF!</definedName>
    <definedName name="資本費名称_14">#REF!</definedName>
    <definedName name="資本費名称_15">#REF!</definedName>
    <definedName name="資本費名称_16">#REF!</definedName>
    <definedName name="資本費名称_17">#REF!</definedName>
    <definedName name="資本費名称_2">#REF!</definedName>
    <definedName name="資本費名称_3">#REF!</definedName>
    <definedName name="資本費名称_4">#REF!</definedName>
    <definedName name="資本費名称_5">#REF!</definedName>
    <definedName name="資本費名称_6">#REF!</definedName>
    <definedName name="資本費名称_7">#REF!</definedName>
    <definedName name="資本費名称_8">#REF!</definedName>
    <definedName name="資本費名称_9">#REF!</definedName>
    <definedName name="事業名称">#REF!</definedName>
    <definedName name="借方残高_1">#REF!</definedName>
    <definedName name="借方残高_10">#REF!</definedName>
    <definedName name="借方残高_11">#REF!</definedName>
    <definedName name="借方残高_12">#REF!</definedName>
    <definedName name="借方残高_13">#REF!</definedName>
    <definedName name="借方残高_14">#REF!</definedName>
    <definedName name="借方残高_15">#REF!</definedName>
    <definedName name="借方残高_16">#REF!</definedName>
    <definedName name="借方残高_17">#REF!</definedName>
    <definedName name="借方残高_18">#REF!</definedName>
    <definedName name="借方残高_19">#REF!</definedName>
    <definedName name="借方残高_2">#REF!</definedName>
    <definedName name="借方残高_20">#REF!</definedName>
    <definedName name="借方残高_3">#REF!</definedName>
    <definedName name="借方残高_4">#REF!</definedName>
    <definedName name="借方残高_5">#REF!</definedName>
    <definedName name="借方残高_6">#REF!</definedName>
    <definedName name="借方残高_7">#REF!</definedName>
    <definedName name="借方残高_8">#REF!</definedName>
    <definedName name="借方残高_9">#REF!</definedName>
    <definedName name="借方当月_1">#REF!</definedName>
    <definedName name="借方当月_10">#REF!</definedName>
    <definedName name="借方当月_11">#REF!</definedName>
    <definedName name="借方当月_12">#REF!</definedName>
    <definedName name="借方当月_13">#REF!</definedName>
    <definedName name="借方当月_14">#REF!</definedName>
    <definedName name="借方当月_15">#REF!</definedName>
    <definedName name="借方当月_16">#REF!</definedName>
    <definedName name="借方当月_17">#REF!</definedName>
    <definedName name="借方当月_18">#REF!</definedName>
    <definedName name="借方当月_19">#REF!</definedName>
    <definedName name="借方当月_2">#REF!</definedName>
    <definedName name="借方当月_20">#REF!</definedName>
    <definedName name="借方当月_3">#REF!</definedName>
    <definedName name="借方当月_4">#REF!</definedName>
    <definedName name="借方当月_5">#REF!</definedName>
    <definedName name="借方当月_6">#REF!</definedName>
    <definedName name="借方当月_7">#REF!</definedName>
    <definedName name="借方当月_8">#REF!</definedName>
    <definedName name="借方当月_9">#REF!</definedName>
    <definedName name="借方累計_1">#REF!</definedName>
    <definedName name="借方累計_10">#REF!</definedName>
    <definedName name="借方累計_11">#REF!</definedName>
    <definedName name="借方累計_12">#REF!</definedName>
    <definedName name="借方累計_13">#REF!</definedName>
    <definedName name="借方累計_14">#REF!</definedName>
    <definedName name="借方累計_15">#REF!</definedName>
    <definedName name="借方累計_16">#REF!</definedName>
    <definedName name="借方累計_17">#REF!</definedName>
    <definedName name="借方累計_18">#REF!</definedName>
    <definedName name="借方累計_19">#REF!</definedName>
    <definedName name="借方累計_2">#REF!</definedName>
    <definedName name="借方累計_20">#REF!</definedName>
    <definedName name="借方累計_3">#REF!</definedName>
    <definedName name="借方累計_4">#REF!</definedName>
    <definedName name="借方累計_5">#REF!</definedName>
    <definedName name="借方累計_6">#REF!</definedName>
    <definedName name="借方累計_7">#REF!</definedName>
    <definedName name="借方累計_8">#REF!</definedName>
    <definedName name="借方累計_9">#REF!</definedName>
    <definedName name="収益丸め">#REF!</definedName>
    <definedName name="収益縦表">#REF!</definedName>
    <definedName name="所属名称">#REF!</definedName>
    <definedName name="人件費計０１金額">#REF!</definedName>
    <definedName name="人件費計０１税額">#REF!</definedName>
    <definedName name="人件費計０２金額">#REF!</definedName>
    <definedName name="人件費計０２税額">#REF!</definedName>
    <definedName name="人件費計０３金額">#REF!</definedName>
    <definedName name="人件費計０３税額">#REF!</definedName>
    <definedName name="人件費計０４金額">#REF!</definedName>
    <definedName name="人件費計０４税額">#REF!</definedName>
    <definedName name="人件費計０５金額">#REF!</definedName>
    <definedName name="人件費計０５税額">#REF!</definedName>
    <definedName name="人件費計０６金額">#REF!</definedName>
    <definedName name="人件費計０６税額">#REF!</definedName>
    <definedName name="人件費計０７金額">#REF!</definedName>
    <definedName name="人件費計０７税額">#REF!</definedName>
    <definedName name="人件費計０８金額">#REF!</definedName>
    <definedName name="人件費計０８税額">#REF!</definedName>
    <definedName name="人件費計０９金額">#REF!</definedName>
    <definedName name="人件費計０９税額">#REF!</definedName>
    <definedName name="人件費計１０金額">#REF!</definedName>
    <definedName name="人件費計１０税額">#REF!</definedName>
    <definedName name="人件費計左記以外金額">#REF!</definedName>
    <definedName name="人件費計左記以外税額">#REF!</definedName>
    <definedName name="全体">#REF!</definedName>
    <definedName name="対象年月">#REF!</definedName>
    <definedName name="貸方残高_1">#REF!</definedName>
    <definedName name="貸方残高_10">#REF!</definedName>
    <definedName name="貸方残高_11">#REF!</definedName>
    <definedName name="貸方残高_12">#REF!</definedName>
    <definedName name="貸方残高_13">#REF!</definedName>
    <definedName name="貸方残高_14">#REF!</definedName>
    <definedName name="貸方残高_15">#REF!</definedName>
    <definedName name="貸方残高_16">#REF!</definedName>
    <definedName name="貸方残高_17">#REF!</definedName>
    <definedName name="貸方残高_18">#REF!</definedName>
    <definedName name="貸方残高_19">#REF!</definedName>
    <definedName name="貸方残高_2">#REF!</definedName>
    <definedName name="貸方残高_20">#REF!</definedName>
    <definedName name="貸方残高_3">#REF!</definedName>
    <definedName name="貸方残高_4">#REF!</definedName>
    <definedName name="貸方残高_5">#REF!</definedName>
    <definedName name="貸方残高_6">#REF!</definedName>
    <definedName name="貸方残高_7">#REF!</definedName>
    <definedName name="貸方残高_8">#REF!</definedName>
    <definedName name="貸方残高_9">#REF!</definedName>
    <definedName name="貸方当月_1">#REF!</definedName>
    <definedName name="貸方当月_10">#REF!</definedName>
    <definedName name="貸方当月_11">#REF!</definedName>
    <definedName name="貸方当月_12">#REF!</definedName>
    <definedName name="貸方当月_13">#REF!</definedName>
    <definedName name="貸方当月_14">#REF!</definedName>
    <definedName name="貸方当月_15">#REF!</definedName>
    <definedName name="貸方当月_16">#REF!</definedName>
    <definedName name="貸方当月_17">#REF!</definedName>
    <definedName name="貸方当月_18">#REF!</definedName>
    <definedName name="貸方当月_19">#REF!</definedName>
    <definedName name="貸方当月_2">#REF!</definedName>
    <definedName name="貸方当月_20">#REF!</definedName>
    <definedName name="貸方当月_3">#REF!</definedName>
    <definedName name="貸方当月_4">#REF!</definedName>
    <definedName name="貸方当月_5">#REF!</definedName>
    <definedName name="貸方当月_6">#REF!</definedName>
    <definedName name="貸方当月_7">#REF!</definedName>
    <definedName name="貸方当月_8">#REF!</definedName>
    <definedName name="貸方当月_9">#REF!</definedName>
    <definedName name="貸方累計_1">#REF!</definedName>
    <definedName name="貸方累計_10">#REF!</definedName>
    <definedName name="貸方累計_11">#REF!</definedName>
    <definedName name="貸方累計_12">#REF!</definedName>
    <definedName name="貸方累計_13">#REF!</definedName>
    <definedName name="貸方累計_14">#REF!</definedName>
    <definedName name="貸方累計_15">#REF!</definedName>
    <definedName name="貸方累計_16">#REF!</definedName>
    <definedName name="貸方累計_17">#REF!</definedName>
    <definedName name="貸方累計_18">#REF!</definedName>
    <definedName name="貸方累計_19">#REF!</definedName>
    <definedName name="貸方累計_2">#REF!</definedName>
    <definedName name="貸方累計_20">#REF!</definedName>
    <definedName name="貸方累計_3">#REF!</definedName>
    <definedName name="貸方累計_4">#REF!</definedName>
    <definedName name="貸方累計_5">#REF!</definedName>
    <definedName name="貸方累計_6">#REF!</definedName>
    <definedName name="貸方累計_7">#REF!</definedName>
    <definedName name="貸方累計_8">#REF!</definedName>
    <definedName name="貸方累計_9">#REF!</definedName>
    <definedName name="退職厚生">#REF!</definedName>
    <definedName name="特別損失金額">#REF!</definedName>
    <definedName name="特別損失税額">#REF!</definedName>
    <definedName name="年度">#REF!</definedName>
    <definedName name="燃料">#REF!</definedName>
    <definedName name="被服">#REF!</definedName>
    <definedName name="物件費０１金額_1">#REF!</definedName>
    <definedName name="物件費０１金額_10">#REF!</definedName>
    <definedName name="物件費０１金額_11">#REF!</definedName>
    <definedName name="物件費０１金額_12">#REF!</definedName>
    <definedName name="物件費０１金額_13">#REF!</definedName>
    <definedName name="物件費０１金額_14">#REF!</definedName>
    <definedName name="物件費０１金額_15">#REF!</definedName>
    <definedName name="物件費０１金額_16">#REF!</definedName>
    <definedName name="物件費０１金額_17">#REF!</definedName>
    <definedName name="物件費０１金額_18">#REF!</definedName>
    <definedName name="物件費０１金額_19">#REF!</definedName>
    <definedName name="物件費０１金額_2">#REF!</definedName>
    <definedName name="物件費０１金額_20">#REF!</definedName>
    <definedName name="物件費０１金額_21">#REF!</definedName>
    <definedName name="物件費０１金額_22">#REF!</definedName>
    <definedName name="物件費０１金額_23">#REF!</definedName>
    <definedName name="物件費０１金額_24">#REF!</definedName>
    <definedName name="物件費０１金額_25">#REF!</definedName>
    <definedName name="物件費０１金額_26">#REF!</definedName>
    <definedName name="物件費０１金額_27">#REF!</definedName>
    <definedName name="物件費０１金額_28">#REF!</definedName>
    <definedName name="物件費０１金額_29">#REF!</definedName>
    <definedName name="物件費０１金額_3">#REF!</definedName>
    <definedName name="物件費０１金額_30">#REF!</definedName>
    <definedName name="物件費０１金額_31">#REF!</definedName>
    <definedName name="物件費０１金額_32">#REF!</definedName>
    <definedName name="物件費０１金額_33">#REF!</definedName>
    <definedName name="物件費０１金額_34">#REF!</definedName>
    <definedName name="物件費０１金額_35">#REF!</definedName>
    <definedName name="物件費０１金額_36">#REF!</definedName>
    <definedName name="物件費０１金額_37">#REF!</definedName>
    <definedName name="物件費０１金額_38">#REF!</definedName>
    <definedName name="物件費０１金額_39">#REF!</definedName>
    <definedName name="物件費０１金額_4">#REF!</definedName>
    <definedName name="物件費０１金額_40">#REF!</definedName>
    <definedName name="物件費０１金額_41">#REF!</definedName>
    <definedName name="物件費０１金額_42">#REF!</definedName>
    <definedName name="物件費０１金額_43">#REF!</definedName>
    <definedName name="物件費０１金額_44">#REF!</definedName>
    <definedName name="物件費０１金額_45">#REF!</definedName>
    <definedName name="物件費０１金額_46">#REF!</definedName>
    <definedName name="物件費０１金額_5">#REF!</definedName>
    <definedName name="物件費０１金額_6">#REF!</definedName>
    <definedName name="物件費０１金額_7">#REF!</definedName>
    <definedName name="物件費０１金額_8">#REF!</definedName>
    <definedName name="物件費０１金額_9">#REF!</definedName>
    <definedName name="物件費０１税額_1">#REF!</definedName>
    <definedName name="物件費０１税額_10">#REF!</definedName>
    <definedName name="物件費０１税額_11">#REF!</definedName>
    <definedName name="物件費０１税額_12">#REF!</definedName>
    <definedName name="物件費０１税額_13">#REF!</definedName>
    <definedName name="物件費０１税額_14">#REF!</definedName>
    <definedName name="物件費０１税額_15">#REF!</definedName>
    <definedName name="物件費０１税額_16">#REF!</definedName>
    <definedName name="物件費０１税額_17">#REF!</definedName>
    <definedName name="物件費０１税額_18">#REF!</definedName>
    <definedName name="物件費０１税額_19">#REF!</definedName>
    <definedName name="物件費０１税額_2">#REF!</definedName>
    <definedName name="物件費０１税額_20">#REF!</definedName>
    <definedName name="物件費０１税額_21">#REF!</definedName>
    <definedName name="物件費０１税額_22">#REF!</definedName>
    <definedName name="物件費０１税額_23">#REF!</definedName>
    <definedName name="物件費０１税額_24">#REF!</definedName>
    <definedName name="物件費０１税額_25">#REF!</definedName>
    <definedName name="物件費０１税額_26">#REF!</definedName>
    <definedName name="物件費０１税額_27">#REF!</definedName>
    <definedName name="物件費０１税額_28">#REF!</definedName>
    <definedName name="物件費０１税額_29">#REF!</definedName>
    <definedName name="物件費０１税額_3">#REF!</definedName>
    <definedName name="物件費０１税額_30">#REF!</definedName>
    <definedName name="物件費０１税額_31">#REF!</definedName>
    <definedName name="物件費０１税額_32">#REF!</definedName>
    <definedName name="物件費０１税額_33">#REF!</definedName>
    <definedName name="物件費０１税額_34">#REF!</definedName>
    <definedName name="物件費０１税額_35">#REF!</definedName>
    <definedName name="物件費０１税額_36">#REF!</definedName>
    <definedName name="物件費０１税額_37">#REF!</definedName>
    <definedName name="物件費０１税額_38">#REF!</definedName>
    <definedName name="物件費０１税額_39">#REF!</definedName>
    <definedName name="物件費０１税額_4">#REF!</definedName>
    <definedName name="物件費０１税額_40">#REF!</definedName>
    <definedName name="物件費０１税額_41">#REF!</definedName>
    <definedName name="物件費０１税額_42">#REF!</definedName>
    <definedName name="物件費０１税額_43">#REF!</definedName>
    <definedName name="物件費０１税額_44">#REF!</definedName>
    <definedName name="物件費０１税額_45">#REF!</definedName>
    <definedName name="物件費０１税額_46">#REF!</definedName>
    <definedName name="物件費０１税額_5">#REF!</definedName>
    <definedName name="物件費０１税額_6">#REF!</definedName>
    <definedName name="物件費０１税額_7">#REF!</definedName>
    <definedName name="物件費０１税額_8">#REF!</definedName>
    <definedName name="物件費０１税額_9">#REF!</definedName>
    <definedName name="物件費０２金額_1">#REF!</definedName>
    <definedName name="物件費０２金額_10">#REF!</definedName>
    <definedName name="物件費０２金額_11">#REF!</definedName>
    <definedName name="物件費０２金額_12">#REF!</definedName>
    <definedName name="物件費０２金額_13">#REF!</definedName>
    <definedName name="物件費０２金額_14">#REF!</definedName>
    <definedName name="物件費０２金額_15">#REF!</definedName>
    <definedName name="物件費０２金額_16">#REF!</definedName>
    <definedName name="物件費０２金額_17">#REF!</definedName>
    <definedName name="物件費０２金額_18">#REF!</definedName>
    <definedName name="物件費０２金額_19">#REF!</definedName>
    <definedName name="物件費０２金額_2">#REF!</definedName>
    <definedName name="物件費０２金額_20">#REF!</definedName>
    <definedName name="物件費０２金額_21">#REF!</definedName>
    <definedName name="物件費０２金額_22">#REF!</definedName>
    <definedName name="物件費０２金額_23">#REF!</definedName>
    <definedName name="物件費０２金額_24">#REF!</definedName>
    <definedName name="物件費０２金額_25">#REF!</definedName>
    <definedName name="物件費０２金額_26">#REF!</definedName>
    <definedName name="物件費０２金額_27">#REF!</definedName>
    <definedName name="物件費０２金額_28">#REF!</definedName>
    <definedName name="物件費０２金額_29">#REF!</definedName>
    <definedName name="物件費０２金額_3">#REF!</definedName>
    <definedName name="物件費０２金額_30">#REF!</definedName>
    <definedName name="物件費０２金額_31">#REF!</definedName>
    <definedName name="物件費０２金額_32">#REF!</definedName>
    <definedName name="物件費０２金額_33">#REF!</definedName>
    <definedName name="物件費０２金額_34">#REF!</definedName>
    <definedName name="物件費０２金額_35">#REF!</definedName>
    <definedName name="物件費０２金額_36">#REF!</definedName>
    <definedName name="物件費０２金額_37">#REF!</definedName>
    <definedName name="物件費０２金額_38">#REF!</definedName>
    <definedName name="物件費０２金額_39">#REF!</definedName>
    <definedName name="物件費０２金額_4">#REF!</definedName>
    <definedName name="物件費０２金額_40">#REF!</definedName>
    <definedName name="物件費０２金額_41">#REF!</definedName>
    <definedName name="物件費０２金額_42">#REF!</definedName>
    <definedName name="物件費０２金額_43">#REF!</definedName>
    <definedName name="物件費０２金額_44">#REF!</definedName>
    <definedName name="物件費０２金額_45">#REF!</definedName>
    <definedName name="物件費０２金額_46">#REF!</definedName>
    <definedName name="物件費０２金額_5">#REF!</definedName>
    <definedName name="物件費０２金額_6">#REF!</definedName>
    <definedName name="物件費０２金額_7">#REF!</definedName>
    <definedName name="物件費０２金額_8">#REF!</definedName>
    <definedName name="物件費０２金額_9">#REF!</definedName>
    <definedName name="物件費０２税額_1">#REF!</definedName>
    <definedName name="物件費０２税額_10">#REF!</definedName>
    <definedName name="物件費０２税額_11">#REF!</definedName>
    <definedName name="物件費０２税額_12">#REF!</definedName>
    <definedName name="物件費０２税額_13">#REF!</definedName>
    <definedName name="物件費０２税額_14">#REF!</definedName>
    <definedName name="物件費０２税額_15">#REF!</definedName>
    <definedName name="物件費０２税額_16">#REF!</definedName>
    <definedName name="物件費０２税額_17">#REF!</definedName>
    <definedName name="物件費０２税額_18">#REF!</definedName>
    <definedName name="物件費０２税額_19">#REF!</definedName>
    <definedName name="物件費０２税額_2">#REF!</definedName>
    <definedName name="物件費０２税額_20">#REF!</definedName>
    <definedName name="物件費０２税額_21">#REF!</definedName>
    <definedName name="物件費０２税額_22">#REF!</definedName>
    <definedName name="物件費０２税額_23">#REF!</definedName>
    <definedName name="物件費０２税額_24">#REF!</definedName>
    <definedName name="物件費０２税額_25">#REF!</definedName>
    <definedName name="物件費０２税額_26">#REF!</definedName>
    <definedName name="物件費０２税額_27">#REF!</definedName>
    <definedName name="物件費０２税額_28">#REF!</definedName>
    <definedName name="物件費０２税額_29">#REF!</definedName>
    <definedName name="物件費０２税額_3">#REF!</definedName>
    <definedName name="物件費０２税額_30">#REF!</definedName>
    <definedName name="物件費０２税額_31">#REF!</definedName>
    <definedName name="物件費０２税額_32">#REF!</definedName>
    <definedName name="物件費０２税額_33">#REF!</definedName>
    <definedName name="物件費０２税額_34">#REF!</definedName>
    <definedName name="物件費０２税額_35">#REF!</definedName>
    <definedName name="物件費０２税額_36">#REF!</definedName>
    <definedName name="物件費０２税額_37">#REF!</definedName>
    <definedName name="物件費０２税額_38">#REF!</definedName>
    <definedName name="物件費０２税額_39">#REF!</definedName>
    <definedName name="物件費０２税額_4">#REF!</definedName>
    <definedName name="物件費０２税額_40">#REF!</definedName>
    <definedName name="物件費０２税額_41">#REF!</definedName>
    <definedName name="物件費０２税額_42">#REF!</definedName>
    <definedName name="物件費０２税額_43">#REF!</definedName>
    <definedName name="物件費０２税額_44">#REF!</definedName>
    <definedName name="物件費０２税額_45">#REF!</definedName>
    <definedName name="物件費０２税額_46">#REF!</definedName>
    <definedName name="物件費０２税額_5">#REF!</definedName>
    <definedName name="物件費０２税額_6">#REF!</definedName>
    <definedName name="物件費０２税額_7">#REF!</definedName>
    <definedName name="物件費０２税額_8">#REF!</definedName>
    <definedName name="物件費０２税額_9">#REF!</definedName>
    <definedName name="物件費０３金額_1">#REF!</definedName>
    <definedName name="物件費０３金額_10">#REF!</definedName>
    <definedName name="物件費０３金額_11">#REF!</definedName>
    <definedName name="物件費０３金額_12">#REF!</definedName>
    <definedName name="物件費０３金額_13">#REF!</definedName>
    <definedName name="物件費０３金額_14">#REF!</definedName>
    <definedName name="物件費０３金額_15">#REF!</definedName>
    <definedName name="物件費０３金額_16">#REF!</definedName>
    <definedName name="物件費０３金額_17">#REF!</definedName>
    <definedName name="物件費０３金額_18">#REF!</definedName>
    <definedName name="物件費０３金額_19">#REF!</definedName>
    <definedName name="物件費０３金額_2">#REF!</definedName>
    <definedName name="物件費０３金額_20">#REF!</definedName>
    <definedName name="物件費０３金額_21">#REF!</definedName>
    <definedName name="物件費０３金額_22">#REF!</definedName>
    <definedName name="物件費０３金額_23">#REF!</definedName>
    <definedName name="物件費０３金額_24">#REF!</definedName>
    <definedName name="物件費０３金額_25">#REF!</definedName>
    <definedName name="物件費０３金額_26">#REF!</definedName>
    <definedName name="物件費０３金額_27">#REF!</definedName>
    <definedName name="物件費０３金額_28">#REF!</definedName>
    <definedName name="物件費０３金額_29">#REF!</definedName>
    <definedName name="物件費０３金額_3">#REF!</definedName>
    <definedName name="物件費０３金額_30">#REF!</definedName>
    <definedName name="物件費０３金額_31">#REF!</definedName>
    <definedName name="物件費０３金額_32">#REF!</definedName>
    <definedName name="物件費０３金額_33">#REF!</definedName>
    <definedName name="物件費０３金額_34">#REF!</definedName>
    <definedName name="物件費０３金額_35">#REF!</definedName>
    <definedName name="物件費０３金額_36">#REF!</definedName>
    <definedName name="物件費０３金額_37">#REF!</definedName>
    <definedName name="物件費０３金額_38">#REF!</definedName>
    <definedName name="物件費０３金額_39">#REF!</definedName>
    <definedName name="物件費０３金額_4">#REF!</definedName>
    <definedName name="物件費０３金額_40">#REF!</definedName>
    <definedName name="物件費０３金額_41">#REF!</definedName>
    <definedName name="物件費０３金額_42">#REF!</definedName>
    <definedName name="物件費０３金額_43">#REF!</definedName>
    <definedName name="物件費０３金額_44">#REF!</definedName>
    <definedName name="物件費０３金額_45">#REF!</definedName>
    <definedName name="物件費０３金額_46">#REF!</definedName>
    <definedName name="物件費０３金額_5">#REF!</definedName>
    <definedName name="物件費０３金額_6">#REF!</definedName>
    <definedName name="物件費０３金額_7">#REF!</definedName>
    <definedName name="物件費０３金額_8">#REF!</definedName>
    <definedName name="物件費０３金額_9">#REF!</definedName>
    <definedName name="物件費０３税額_1">#REF!</definedName>
    <definedName name="物件費０３税額_10">#REF!</definedName>
    <definedName name="物件費０３税額_11">#REF!</definedName>
    <definedName name="物件費０３税額_12">#REF!</definedName>
    <definedName name="物件費０３税額_13">#REF!</definedName>
    <definedName name="物件費０３税額_14">#REF!</definedName>
    <definedName name="物件費０３税額_15">#REF!</definedName>
    <definedName name="物件費０３税額_16">#REF!</definedName>
    <definedName name="物件費０３税額_17">#REF!</definedName>
    <definedName name="物件費０３税額_18">#REF!</definedName>
    <definedName name="物件費０３税額_19">#REF!</definedName>
    <definedName name="物件費０３税額_2">#REF!</definedName>
    <definedName name="物件費０３税額_20">#REF!</definedName>
    <definedName name="物件費０３税額_21">#REF!</definedName>
    <definedName name="物件費０３税額_22">#REF!</definedName>
    <definedName name="物件費０３税額_23">#REF!</definedName>
    <definedName name="物件費０３税額_24">#REF!</definedName>
    <definedName name="物件費０３税額_25">#REF!</definedName>
    <definedName name="物件費０３税額_26">#REF!</definedName>
    <definedName name="物件費０３税額_27">#REF!</definedName>
    <definedName name="物件費０３税額_28">#REF!</definedName>
    <definedName name="物件費０３税額_29">#REF!</definedName>
    <definedName name="物件費０３税額_3">#REF!</definedName>
    <definedName name="物件費０３税額_30">#REF!</definedName>
    <definedName name="物件費０３税額_31">#REF!</definedName>
    <definedName name="物件費０３税額_32">#REF!</definedName>
    <definedName name="物件費０３税額_33">#REF!</definedName>
    <definedName name="物件費０３税額_34">#REF!</definedName>
    <definedName name="物件費０３税額_35">#REF!</definedName>
    <definedName name="物件費０３税額_36">#REF!</definedName>
    <definedName name="物件費０３税額_37">#REF!</definedName>
    <definedName name="物件費０３税額_38">#REF!</definedName>
    <definedName name="物件費０３税額_39">#REF!</definedName>
    <definedName name="物件費０３税額_4">#REF!</definedName>
    <definedName name="物件費０３税額_40">#REF!</definedName>
    <definedName name="物件費０３税額_41">#REF!</definedName>
    <definedName name="物件費０３税額_42">#REF!</definedName>
    <definedName name="物件費０３税額_43">#REF!</definedName>
    <definedName name="物件費０３税額_44">#REF!</definedName>
    <definedName name="物件費０３税額_45">#REF!</definedName>
    <definedName name="物件費０３税額_46">#REF!</definedName>
    <definedName name="物件費０３税額_5">#REF!</definedName>
    <definedName name="物件費０３税額_6">#REF!</definedName>
    <definedName name="物件費０３税額_7">#REF!</definedName>
    <definedName name="物件費０３税額_8">#REF!</definedName>
    <definedName name="物件費０３税額_9">#REF!</definedName>
    <definedName name="物件費０４金額_1">#REF!</definedName>
    <definedName name="物件費０４金額_10">#REF!</definedName>
    <definedName name="物件費０４金額_11">#REF!</definedName>
    <definedName name="物件費０４金額_12">#REF!</definedName>
    <definedName name="物件費０４金額_13">#REF!</definedName>
    <definedName name="物件費０４金額_14">#REF!</definedName>
    <definedName name="物件費０４金額_15">#REF!</definedName>
    <definedName name="物件費０４金額_16">#REF!</definedName>
    <definedName name="物件費０４金額_17">#REF!</definedName>
    <definedName name="物件費０４金額_18">#REF!</definedName>
    <definedName name="物件費０４金額_19">#REF!</definedName>
    <definedName name="物件費０４金額_2">#REF!</definedName>
    <definedName name="物件費０４金額_20">#REF!</definedName>
    <definedName name="物件費０４金額_21">#REF!</definedName>
    <definedName name="物件費０４金額_22">#REF!</definedName>
    <definedName name="物件費０４金額_23">#REF!</definedName>
    <definedName name="物件費０４金額_24">#REF!</definedName>
    <definedName name="物件費０４金額_25">#REF!</definedName>
    <definedName name="物件費０４金額_26">#REF!</definedName>
    <definedName name="物件費０４金額_27">#REF!</definedName>
    <definedName name="物件費０４金額_28">#REF!</definedName>
    <definedName name="物件費０４金額_29">#REF!</definedName>
    <definedName name="物件費０４金額_3">#REF!</definedName>
    <definedName name="物件費０４金額_30">#REF!</definedName>
    <definedName name="物件費０４金額_31">#REF!</definedName>
    <definedName name="物件費０４金額_32">#REF!</definedName>
    <definedName name="物件費０４金額_33">#REF!</definedName>
    <definedName name="物件費０４金額_34">#REF!</definedName>
    <definedName name="物件費０４金額_35">#REF!</definedName>
    <definedName name="物件費０４金額_36">#REF!</definedName>
    <definedName name="物件費０４金額_37">#REF!</definedName>
    <definedName name="物件費０４金額_38">#REF!</definedName>
    <definedName name="物件費０４金額_39">#REF!</definedName>
    <definedName name="物件費０４金額_4">#REF!</definedName>
    <definedName name="物件費０４金額_40">#REF!</definedName>
    <definedName name="物件費０４金額_41">#REF!</definedName>
    <definedName name="物件費０４金額_42">#REF!</definedName>
    <definedName name="物件費０４金額_43">#REF!</definedName>
    <definedName name="物件費０４金額_44">#REF!</definedName>
    <definedName name="物件費０４金額_45">#REF!</definedName>
    <definedName name="物件費０４金額_46">#REF!</definedName>
    <definedName name="物件費０４金額_5">#REF!</definedName>
    <definedName name="物件費０４金額_6">#REF!</definedName>
    <definedName name="物件費０４金額_7">#REF!</definedName>
    <definedName name="物件費０４金額_8">#REF!</definedName>
    <definedName name="物件費０４金額_9">#REF!</definedName>
    <definedName name="物件費０４税額_1">#REF!</definedName>
    <definedName name="物件費０４税額_10">#REF!</definedName>
    <definedName name="物件費０４税額_11">#REF!</definedName>
    <definedName name="物件費０４税額_12">#REF!</definedName>
    <definedName name="物件費０４税額_13">#REF!</definedName>
    <definedName name="物件費０４税額_14">#REF!</definedName>
    <definedName name="物件費０４税額_15">#REF!</definedName>
    <definedName name="物件費０４税額_16">#REF!</definedName>
    <definedName name="物件費０４税額_17">#REF!</definedName>
    <definedName name="物件費０４税額_18">#REF!</definedName>
    <definedName name="物件費０４税額_19">#REF!</definedName>
    <definedName name="物件費０４税額_2">#REF!</definedName>
    <definedName name="物件費０４税額_20">#REF!</definedName>
    <definedName name="物件費０４税額_21">#REF!</definedName>
    <definedName name="物件費０４税額_22">#REF!</definedName>
    <definedName name="物件費０４税額_23">#REF!</definedName>
    <definedName name="物件費０４税額_24">#REF!</definedName>
    <definedName name="物件費０４税額_25">#REF!</definedName>
    <definedName name="物件費０４税額_26">#REF!</definedName>
    <definedName name="物件費０４税額_27">#REF!</definedName>
    <definedName name="物件費０４税額_28">#REF!</definedName>
    <definedName name="物件費０４税額_29">#REF!</definedName>
    <definedName name="物件費０４税額_3">#REF!</definedName>
    <definedName name="物件費０４税額_30">#REF!</definedName>
    <definedName name="物件費０４税額_31">#REF!</definedName>
    <definedName name="物件費０４税額_32">#REF!</definedName>
    <definedName name="物件費０４税額_33">#REF!</definedName>
    <definedName name="物件費０４税額_34">#REF!</definedName>
    <definedName name="物件費０４税額_35">#REF!</definedName>
    <definedName name="物件費０４税額_36">#REF!</definedName>
    <definedName name="物件費０４税額_37">#REF!</definedName>
    <definedName name="物件費０４税額_38">#REF!</definedName>
    <definedName name="物件費０４税額_39">#REF!</definedName>
    <definedName name="物件費０４税額_4">#REF!</definedName>
    <definedName name="物件費０４税額_40">#REF!</definedName>
    <definedName name="物件費０４税額_41">#REF!</definedName>
    <definedName name="物件費０４税額_42">#REF!</definedName>
    <definedName name="物件費０４税額_43">#REF!</definedName>
    <definedName name="物件費０４税額_44">#REF!</definedName>
    <definedName name="物件費０４税額_45">#REF!</definedName>
    <definedName name="物件費０４税額_46">#REF!</definedName>
    <definedName name="物件費０４税額_5">#REF!</definedName>
    <definedName name="物件費０４税額_6">#REF!</definedName>
    <definedName name="物件費０４税額_7">#REF!</definedName>
    <definedName name="物件費０４税額_8">#REF!</definedName>
    <definedName name="物件費０４税額_9">#REF!</definedName>
    <definedName name="物件費０５金額_1">#REF!</definedName>
    <definedName name="物件費０５金額_10">#REF!</definedName>
    <definedName name="物件費０５金額_11">#REF!</definedName>
    <definedName name="物件費０５金額_12">#REF!</definedName>
    <definedName name="物件費０５金額_13">#REF!</definedName>
    <definedName name="物件費０５金額_14">#REF!</definedName>
    <definedName name="物件費０５金額_15">#REF!</definedName>
    <definedName name="物件費０５金額_16">#REF!</definedName>
    <definedName name="物件費０５金額_17">#REF!</definedName>
    <definedName name="物件費０５金額_18">#REF!</definedName>
    <definedName name="物件費０５金額_19">#REF!</definedName>
    <definedName name="物件費０５金額_2">#REF!</definedName>
    <definedName name="物件費０５金額_20">#REF!</definedName>
    <definedName name="物件費０５金額_21">#REF!</definedName>
    <definedName name="物件費０５金額_22">#REF!</definedName>
    <definedName name="物件費０５金額_23">#REF!</definedName>
    <definedName name="物件費０５金額_24">#REF!</definedName>
    <definedName name="物件費０５金額_25">#REF!</definedName>
    <definedName name="物件費０５金額_26">#REF!</definedName>
    <definedName name="物件費０５金額_27">#REF!</definedName>
    <definedName name="物件費０５金額_28">#REF!</definedName>
    <definedName name="物件費０５金額_29">#REF!</definedName>
    <definedName name="物件費０５金額_3">#REF!</definedName>
    <definedName name="物件費０５金額_30">#REF!</definedName>
    <definedName name="物件費０５金額_31">#REF!</definedName>
    <definedName name="物件費０５金額_32">#REF!</definedName>
    <definedName name="物件費０５金額_33">#REF!</definedName>
    <definedName name="物件費０５金額_34">#REF!</definedName>
    <definedName name="物件費０５金額_35">#REF!</definedName>
    <definedName name="物件費０５金額_36">#REF!</definedName>
    <definedName name="物件費０５金額_37">#REF!</definedName>
    <definedName name="物件費０５金額_38">#REF!</definedName>
    <definedName name="物件費０５金額_39">#REF!</definedName>
    <definedName name="物件費０５金額_4">#REF!</definedName>
    <definedName name="物件費０５金額_40">#REF!</definedName>
    <definedName name="物件費０５金額_41">#REF!</definedName>
    <definedName name="物件費０５金額_42">#REF!</definedName>
    <definedName name="物件費０５金額_43">#REF!</definedName>
    <definedName name="物件費０５金額_44">#REF!</definedName>
    <definedName name="物件費０５金額_45">#REF!</definedName>
    <definedName name="物件費０５金額_46">#REF!</definedName>
    <definedName name="物件費０５金額_5">#REF!</definedName>
    <definedName name="物件費０５金額_6">#REF!</definedName>
    <definedName name="物件費０５金額_7">#REF!</definedName>
    <definedName name="物件費０５金額_8">#REF!</definedName>
    <definedName name="物件費０５金額_9">#REF!</definedName>
    <definedName name="物件費０５税額_1">#REF!</definedName>
    <definedName name="物件費０５税額_10">#REF!</definedName>
    <definedName name="物件費０５税額_11">#REF!</definedName>
    <definedName name="物件費０５税額_12">#REF!</definedName>
    <definedName name="物件費０５税額_13">#REF!</definedName>
    <definedName name="物件費０５税額_14">#REF!</definedName>
    <definedName name="物件費０５税額_15">#REF!</definedName>
    <definedName name="物件費０５税額_16">#REF!</definedName>
    <definedName name="物件費０５税額_17">#REF!</definedName>
    <definedName name="物件費０５税額_18">#REF!</definedName>
    <definedName name="物件費０５税額_19">#REF!</definedName>
    <definedName name="物件費０５税額_2">#REF!</definedName>
    <definedName name="物件費０５税額_20">#REF!</definedName>
    <definedName name="物件費０５税額_21">#REF!</definedName>
    <definedName name="物件費０５税額_22">#REF!</definedName>
    <definedName name="物件費０５税額_23">#REF!</definedName>
    <definedName name="物件費０５税額_24">#REF!</definedName>
    <definedName name="物件費０５税額_25">#REF!</definedName>
    <definedName name="物件費０５税額_26">#REF!</definedName>
    <definedName name="物件費０５税額_27">#REF!</definedName>
    <definedName name="物件費０５税額_28">#REF!</definedName>
    <definedName name="物件費０５税額_29">#REF!</definedName>
    <definedName name="物件費０５税額_3">#REF!</definedName>
    <definedName name="物件費０５税額_30">#REF!</definedName>
    <definedName name="物件費０５税額_31">#REF!</definedName>
    <definedName name="物件費０５税額_32">#REF!</definedName>
    <definedName name="物件費０５税額_33">#REF!</definedName>
    <definedName name="物件費０５税額_34">#REF!</definedName>
    <definedName name="物件費０５税額_35">#REF!</definedName>
    <definedName name="物件費０５税額_36">#REF!</definedName>
    <definedName name="物件費０５税額_37">#REF!</definedName>
    <definedName name="物件費０５税額_38">#REF!</definedName>
    <definedName name="物件費０５税額_39">#REF!</definedName>
    <definedName name="物件費０５税額_4">#REF!</definedName>
    <definedName name="物件費０５税額_40">#REF!</definedName>
    <definedName name="物件費０５税額_41">#REF!</definedName>
    <definedName name="物件費０５税額_42">#REF!</definedName>
    <definedName name="物件費０５税額_43">#REF!</definedName>
    <definedName name="物件費０５税額_44">#REF!</definedName>
    <definedName name="物件費０５税額_45">#REF!</definedName>
    <definedName name="物件費０５税額_46">#REF!</definedName>
    <definedName name="物件費０５税額_5">#REF!</definedName>
    <definedName name="物件費０５税額_6">#REF!</definedName>
    <definedName name="物件費０５税額_7">#REF!</definedName>
    <definedName name="物件費０５税額_8">#REF!</definedName>
    <definedName name="物件費０５税額_9">#REF!</definedName>
    <definedName name="物件費０６金額_1">#REF!</definedName>
    <definedName name="物件費０６金額_10">#REF!</definedName>
    <definedName name="物件費０６金額_11">#REF!</definedName>
    <definedName name="物件費０６金額_12">#REF!</definedName>
    <definedName name="物件費０６金額_13">#REF!</definedName>
    <definedName name="物件費０６金額_14">#REF!</definedName>
    <definedName name="物件費０６金額_15">#REF!</definedName>
    <definedName name="物件費０６金額_16">#REF!</definedName>
    <definedName name="物件費０６金額_17">#REF!</definedName>
    <definedName name="物件費０６金額_18">#REF!</definedName>
    <definedName name="物件費０６金額_19">#REF!</definedName>
    <definedName name="物件費０６金額_2">#REF!</definedName>
    <definedName name="物件費０６金額_20">#REF!</definedName>
    <definedName name="物件費０６金額_21">#REF!</definedName>
    <definedName name="物件費０６金額_22">#REF!</definedName>
    <definedName name="物件費０６金額_23">#REF!</definedName>
    <definedName name="物件費０６金額_24">#REF!</definedName>
    <definedName name="物件費０６金額_25">#REF!</definedName>
    <definedName name="物件費０６金額_26">#REF!</definedName>
    <definedName name="物件費０６金額_27">#REF!</definedName>
    <definedName name="物件費０６金額_28">#REF!</definedName>
    <definedName name="物件費０６金額_29">#REF!</definedName>
    <definedName name="物件費０６金額_3">#REF!</definedName>
    <definedName name="物件費０６金額_30">#REF!</definedName>
    <definedName name="物件費０６金額_31">#REF!</definedName>
    <definedName name="物件費０６金額_32">#REF!</definedName>
    <definedName name="物件費０６金額_33">#REF!</definedName>
    <definedName name="物件費０６金額_34">#REF!</definedName>
    <definedName name="物件費０６金額_35">#REF!</definedName>
    <definedName name="物件費０６金額_36">#REF!</definedName>
    <definedName name="物件費０６金額_37">#REF!</definedName>
    <definedName name="物件費０６金額_38">#REF!</definedName>
    <definedName name="物件費０６金額_39">#REF!</definedName>
    <definedName name="物件費０６金額_4">#REF!</definedName>
    <definedName name="物件費０６金額_40">#REF!</definedName>
    <definedName name="物件費０６金額_41">#REF!</definedName>
    <definedName name="物件費０６金額_42">#REF!</definedName>
    <definedName name="物件費０６金額_43">#REF!</definedName>
    <definedName name="物件費０６金額_44">#REF!</definedName>
    <definedName name="物件費０６金額_45">#REF!</definedName>
    <definedName name="物件費０６金額_46">#REF!</definedName>
    <definedName name="物件費０６金額_5">#REF!</definedName>
    <definedName name="物件費０６金額_6">#REF!</definedName>
    <definedName name="物件費０６金額_7">#REF!</definedName>
    <definedName name="物件費０６金額_8">#REF!</definedName>
    <definedName name="物件費０６金額_9">#REF!</definedName>
    <definedName name="物件費０６税額_1">#REF!</definedName>
    <definedName name="物件費０６税額_10">#REF!</definedName>
    <definedName name="物件費０６税額_11">#REF!</definedName>
    <definedName name="物件費０６税額_12">#REF!</definedName>
    <definedName name="物件費０６税額_13">#REF!</definedName>
    <definedName name="物件費０６税額_14">#REF!</definedName>
    <definedName name="物件費０６税額_15">#REF!</definedName>
    <definedName name="物件費０６税額_16">#REF!</definedName>
    <definedName name="物件費０６税額_17">#REF!</definedName>
    <definedName name="物件費０６税額_18">#REF!</definedName>
    <definedName name="物件費０６税額_19">#REF!</definedName>
    <definedName name="物件費０６税額_2">#REF!</definedName>
    <definedName name="物件費０６税額_20">#REF!</definedName>
    <definedName name="物件費０６税額_21">#REF!</definedName>
    <definedName name="物件費０６税額_22">#REF!</definedName>
    <definedName name="物件費０６税額_23">#REF!</definedName>
    <definedName name="物件費０６税額_24">#REF!</definedName>
    <definedName name="物件費０６税額_25">#REF!</definedName>
    <definedName name="物件費０６税額_26">#REF!</definedName>
    <definedName name="物件費０６税額_27">#REF!</definedName>
    <definedName name="物件費０６税額_28">#REF!</definedName>
    <definedName name="物件費０６税額_29">#REF!</definedName>
    <definedName name="物件費０６税額_3">#REF!</definedName>
    <definedName name="物件費０６税額_30">#REF!</definedName>
    <definedName name="物件費０６税額_31">#REF!</definedName>
    <definedName name="物件費０６税額_32">#REF!</definedName>
    <definedName name="物件費０６税額_33">#REF!</definedName>
    <definedName name="物件費０６税額_34">#REF!</definedName>
    <definedName name="物件費０６税額_35">#REF!</definedName>
    <definedName name="物件費０６税額_36">#REF!</definedName>
    <definedName name="物件費０６税額_37">#REF!</definedName>
    <definedName name="物件費０６税額_38">#REF!</definedName>
    <definedName name="物件費０６税額_39">#REF!</definedName>
    <definedName name="物件費０６税額_4">#REF!</definedName>
    <definedName name="物件費０６税額_40">#REF!</definedName>
    <definedName name="物件費０６税額_41">#REF!</definedName>
    <definedName name="物件費０６税額_42">#REF!</definedName>
    <definedName name="物件費０６税額_43">#REF!</definedName>
    <definedName name="物件費０６税額_44">#REF!</definedName>
    <definedName name="物件費０６税額_45">#REF!</definedName>
    <definedName name="物件費０６税額_46">#REF!</definedName>
    <definedName name="物件費０６税額_5">#REF!</definedName>
    <definedName name="物件費０６税額_6">#REF!</definedName>
    <definedName name="物件費０６税額_7">#REF!</definedName>
    <definedName name="物件費０６税額_8">#REF!</definedName>
    <definedName name="物件費０６税額_9">#REF!</definedName>
    <definedName name="物件費０７金額_1">#REF!</definedName>
    <definedName name="物件費０７金額_10">#REF!</definedName>
    <definedName name="物件費０７金額_11">#REF!</definedName>
    <definedName name="物件費０７金額_12">#REF!</definedName>
    <definedName name="物件費０７金額_13">#REF!</definedName>
    <definedName name="物件費０７金額_14">#REF!</definedName>
    <definedName name="物件費０７金額_15">#REF!</definedName>
    <definedName name="物件費０７金額_16">#REF!</definedName>
    <definedName name="物件費０７金額_17">#REF!</definedName>
    <definedName name="物件費０７金額_18">#REF!</definedName>
    <definedName name="物件費０７金額_19">#REF!</definedName>
    <definedName name="物件費０７金額_2">#REF!</definedName>
    <definedName name="物件費０７金額_20">#REF!</definedName>
    <definedName name="物件費０７金額_21">#REF!</definedName>
    <definedName name="物件費０７金額_22">#REF!</definedName>
    <definedName name="物件費０７金額_23">#REF!</definedName>
    <definedName name="物件費０７金額_24">#REF!</definedName>
    <definedName name="物件費０７金額_25">#REF!</definedName>
    <definedName name="物件費０７金額_26">#REF!</definedName>
    <definedName name="物件費０７金額_27">#REF!</definedName>
    <definedName name="物件費０７金額_28">#REF!</definedName>
    <definedName name="物件費０７金額_29">#REF!</definedName>
    <definedName name="物件費０７金額_3">#REF!</definedName>
    <definedName name="物件費０７金額_30">#REF!</definedName>
    <definedName name="物件費０７金額_31">#REF!</definedName>
    <definedName name="物件費０７金額_32">#REF!</definedName>
    <definedName name="物件費０７金額_33">#REF!</definedName>
    <definedName name="物件費０７金額_34">#REF!</definedName>
    <definedName name="物件費０７金額_35">#REF!</definedName>
    <definedName name="物件費０７金額_36">#REF!</definedName>
    <definedName name="物件費０７金額_37">#REF!</definedName>
    <definedName name="物件費０７金額_38">#REF!</definedName>
    <definedName name="物件費０７金額_39">#REF!</definedName>
    <definedName name="物件費０７金額_4">#REF!</definedName>
    <definedName name="物件費０７金額_40">#REF!</definedName>
    <definedName name="物件費０７金額_41">#REF!</definedName>
    <definedName name="物件費０７金額_42">#REF!</definedName>
    <definedName name="物件費０７金額_43">#REF!</definedName>
    <definedName name="物件費０７金額_44">#REF!</definedName>
    <definedName name="物件費０７金額_45">#REF!</definedName>
    <definedName name="物件費０７金額_46">#REF!</definedName>
    <definedName name="物件費０７金額_5">#REF!</definedName>
    <definedName name="物件費０７金額_6">#REF!</definedName>
    <definedName name="物件費０７金額_7">#REF!</definedName>
    <definedName name="物件費０７金額_8">#REF!</definedName>
    <definedName name="物件費０７金額_9">#REF!</definedName>
    <definedName name="物件費０７税額_1">#REF!</definedName>
    <definedName name="物件費０７税額_10">#REF!</definedName>
    <definedName name="物件費０７税額_11">#REF!</definedName>
    <definedName name="物件費０７税額_12">#REF!</definedName>
    <definedName name="物件費０７税額_13">#REF!</definedName>
    <definedName name="物件費０７税額_14">#REF!</definedName>
    <definedName name="物件費０７税額_15">#REF!</definedName>
    <definedName name="物件費０７税額_16">#REF!</definedName>
    <definedName name="物件費０７税額_17">#REF!</definedName>
    <definedName name="物件費０７税額_18">#REF!</definedName>
    <definedName name="物件費０７税額_19">#REF!</definedName>
    <definedName name="物件費０７税額_2">#REF!</definedName>
    <definedName name="物件費０７税額_20">#REF!</definedName>
    <definedName name="物件費０７税額_21">#REF!</definedName>
    <definedName name="物件費０７税額_22">#REF!</definedName>
    <definedName name="物件費０７税額_23">#REF!</definedName>
    <definedName name="物件費０７税額_24">#REF!</definedName>
    <definedName name="物件費０７税額_25">#REF!</definedName>
    <definedName name="物件費０７税額_26">#REF!</definedName>
    <definedName name="物件費０７税額_27">#REF!</definedName>
    <definedName name="物件費０７税額_28">#REF!</definedName>
    <definedName name="物件費０７税額_29">#REF!</definedName>
    <definedName name="物件費０７税額_3">#REF!</definedName>
    <definedName name="物件費０７税額_30">#REF!</definedName>
    <definedName name="物件費０７税額_31">#REF!</definedName>
    <definedName name="物件費０７税額_32">#REF!</definedName>
    <definedName name="物件費０７税額_33">#REF!</definedName>
    <definedName name="物件費０７税額_34">#REF!</definedName>
    <definedName name="物件費０７税額_35">#REF!</definedName>
    <definedName name="物件費０７税額_36">#REF!</definedName>
    <definedName name="物件費０７税額_37">#REF!</definedName>
    <definedName name="物件費０７税額_38">#REF!</definedName>
    <definedName name="物件費０７税額_39">#REF!</definedName>
    <definedName name="物件費０７税額_4">#REF!</definedName>
    <definedName name="物件費０７税額_40">#REF!</definedName>
    <definedName name="物件費０７税額_41">#REF!</definedName>
    <definedName name="物件費０７税額_42">#REF!</definedName>
    <definedName name="物件費０７税額_43">#REF!</definedName>
    <definedName name="物件費０７税額_44">#REF!</definedName>
    <definedName name="物件費０７税額_45">#REF!</definedName>
    <definedName name="物件費０７税額_46">#REF!</definedName>
    <definedName name="物件費０７税額_5">#REF!</definedName>
    <definedName name="物件費０７税額_6">#REF!</definedName>
    <definedName name="物件費０７税額_7">#REF!</definedName>
    <definedName name="物件費０７税額_8">#REF!</definedName>
    <definedName name="物件費０７税額_9">#REF!</definedName>
    <definedName name="物件費０８金額_1">#REF!</definedName>
    <definedName name="物件費０８金額_10">#REF!</definedName>
    <definedName name="物件費０８金額_11">#REF!</definedName>
    <definedName name="物件費０８金額_12">#REF!</definedName>
    <definedName name="物件費０８金額_13">#REF!</definedName>
    <definedName name="物件費０８金額_14">#REF!</definedName>
    <definedName name="物件費０８金額_15">#REF!</definedName>
    <definedName name="物件費０８金額_16">#REF!</definedName>
    <definedName name="物件費０８金額_17">#REF!</definedName>
    <definedName name="物件費０８金額_18">#REF!</definedName>
    <definedName name="物件費０８金額_19">#REF!</definedName>
    <definedName name="物件費０８金額_2">#REF!</definedName>
    <definedName name="物件費０８金額_20">#REF!</definedName>
    <definedName name="物件費０８金額_21">#REF!</definedName>
    <definedName name="物件費０８金額_22">#REF!</definedName>
    <definedName name="物件費０８金額_23">#REF!</definedName>
    <definedName name="物件費０８金額_24">#REF!</definedName>
    <definedName name="物件費０８金額_25">#REF!</definedName>
    <definedName name="物件費０８金額_26">#REF!</definedName>
    <definedName name="物件費０８金額_27">#REF!</definedName>
    <definedName name="物件費０８金額_28">#REF!</definedName>
    <definedName name="物件費０８金額_29">#REF!</definedName>
    <definedName name="物件費０８金額_3">#REF!</definedName>
    <definedName name="物件費０８金額_30">#REF!</definedName>
    <definedName name="物件費０８金額_31">#REF!</definedName>
    <definedName name="物件費０８金額_32">#REF!</definedName>
    <definedName name="物件費０８金額_33">#REF!</definedName>
    <definedName name="物件費０８金額_34">#REF!</definedName>
    <definedName name="物件費０８金額_35">#REF!</definedName>
    <definedName name="物件費０８金額_36">#REF!</definedName>
    <definedName name="物件費０８金額_37">#REF!</definedName>
    <definedName name="物件費０８金額_38">#REF!</definedName>
    <definedName name="物件費０８金額_39">#REF!</definedName>
    <definedName name="物件費０８金額_4">#REF!</definedName>
    <definedName name="物件費０８金額_40">#REF!</definedName>
    <definedName name="物件費０８金額_41">#REF!</definedName>
    <definedName name="物件費０８金額_42">#REF!</definedName>
    <definedName name="物件費０８金額_43">#REF!</definedName>
    <definedName name="物件費０８金額_44">#REF!</definedName>
    <definedName name="物件費０８金額_45">#REF!</definedName>
    <definedName name="物件費０８金額_46">#REF!</definedName>
    <definedName name="物件費０８金額_5">#REF!</definedName>
    <definedName name="物件費０８金額_6">#REF!</definedName>
    <definedName name="物件費０８金額_7">#REF!</definedName>
    <definedName name="物件費０８金額_8">#REF!</definedName>
    <definedName name="物件費０８金額_9">#REF!</definedName>
    <definedName name="物件費０８税額_1">#REF!</definedName>
    <definedName name="物件費０８税額_10">#REF!</definedName>
    <definedName name="物件費０８税額_11">#REF!</definedName>
    <definedName name="物件費０８税額_12">#REF!</definedName>
    <definedName name="物件費０８税額_13">#REF!</definedName>
    <definedName name="物件費０８税額_14">#REF!</definedName>
    <definedName name="物件費０８税額_15">#REF!</definedName>
    <definedName name="物件費０８税額_16">#REF!</definedName>
    <definedName name="物件費０８税額_17">#REF!</definedName>
    <definedName name="物件費０８税額_18">#REF!</definedName>
    <definedName name="物件費０８税額_19">#REF!</definedName>
    <definedName name="物件費０８税額_2">#REF!</definedName>
    <definedName name="物件費０８税額_20">#REF!</definedName>
    <definedName name="物件費０８税額_21">#REF!</definedName>
    <definedName name="物件費０８税額_22">#REF!</definedName>
    <definedName name="物件費０８税額_23">#REF!</definedName>
    <definedName name="物件費０８税額_24">#REF!</definedName>
    <definedName name="物件費０８税額_25">#REF!</definedName>
    <definedName name="物件費０８税額_26">#REF!</definedName>
    <definedName name="物件費０８税額_27">#REF!</definedName>
    <definedName name="物件費０８税額_28">#REF!</definedName>
    <definedName name="物件費０８税額_29">#REF!</definedName>
    <definedName name="物件費０８税額_3">#REF!</definedName>
    <definedName name="物件費０８税額_30">#REF!</definedName>
    <definedName name="物件費０８税額_31">#REF!</definedName>
    <definedName name="物件費０８税額_32">#REF!</definedName>
    <definedName name="物件費０８税額_33">#REF!</definedName>
    <definedName name="物件費０８税額_34">#REF!</definedName>
    <definedName name="物件費０８税額_35">#REF!</definedName>
    <definedName name="物件費０８税額_36">#REF!</definedName>
    <definedName name="物件費０８税額_37">#REF!</definedName>
    <definedName name="物件費０８税額_38">#REF!</definedName>
    <definedName name="物件費０８税額_39">#REF!</definedName>
    <definedName name="物件費０８税額_4">#REF!</definedName>
    <definedName name="物件費０８税額_40">#REF!</definedName>
    <definedName name="物件費０８税額_41">#REF!</definedName>
    <definedName name="物件費０８税額_42">#REF!</definedName>
    <definedName name="物件費０８税額_43">#REF!</definedName>
    <definedName name="物件費０８税額_44">#REF!</definedName>
    <definedName name="物件費０８税額_45">#REF!</definedName>
    <definedName name="物件費０８税額_46">#REF!</definedName>
    <definedName name="物件費０８税額_5">#REF!</definedName>
    <definedName name="物件費０８税額_6">#REF!</definedName>
    <definedName name="物件費０８税額_7">#REF!</definedName>
    <definedName name="物件費０８税額_8">#REF!</definedName>
    <definedName name="物件費０８税額_9">#REF!</definedName>
    <definedName name="物件費０９金額_1">#REF!</definedName>
    <definedName name="物件費０９金額_10">#REF!</definedName>
    <definedName name="物件費０９金額_11">#REF!</definedName>
    <definedName name="物件費０９金額_12">#REF!</definedName>
    <definedName name="物件費０９金額_13">#REF!</definedName>
    <definedName name="物件費０９金額_14">#REF!</definedName>
    <definedName name="物件費０９金額_15">#REF!</definedName>
    <definedName name="物件費０９金額_16">#REF!</definedName>
    <definedName name="物件費０９金額_17">#REF!</definedName>
    <definedName name="物件費０９金額_18">#REF!</definedName>
    <definedName name="物件費０９金額_19">#REF!</definedName>
    <definedName name="物件費０９金額_2">#REF!</definedName>
    <definedName name="物件費０９金額_20">#REF!</definedName>
    <definedName name="物件費０９金額_21">#REF!</definedName>
    <definedName name="物件費０９金額_22">#REF!</definedName>
    <definedName name="物件費０９金額_23">#REF!</definedName>
    <definedName name="物件費０９金額_24">#REF!</definedName>
    <definedName name="物件費０９金額_25">#REF!</definedName>
    <definedName name="物件費０９金額_26">#REF!</definedName>
    <definedName name="物件費０９金額_27">#REF!</definedName>
    <definedName name="物件費０９金額_28">#REF!</definedName>
    <definedName name="物件費０９金額_29">#REF!</definedName>
    <definedName name="物件費０９金額_3">#REF!</definedName>
    <definedName name="物件費０９金額_30">#REF!</definedName>
    <definedName name="物件費０９金額_31">#REF!</definedName>
    <definedName name="物件費０９金額_32">#REF!</definedName>
    <definedName name="物件費０９金額_33">#REF!</definedName>
    <definedName name="物件費０９金額_34">#REF!</definedName>
    <definedName name="物件費０９金額_35">#REF!</definedName>
    <definedName name="物件費０９金額_36">#REF!</definedName>
    <definedName name="物件費０９金額_37">#REF!</definedName>
    <definedName name="物件費０９金額_38">#REF!</definedName>
    <definedName name="物件費０９金額_39">#REF!</definedName>
    <definedName name="物件費０９金額_4">#REF!</definedName>
    <definedName name="物件費０９金額_40">#REF!</definedName>
    <definedName name="物件費０９金額_41">#REF!</definedName>
    <definedName name="物件費０９金額_42">#REF!</definedName>
    <definedName name="物件費０９金額_43">#REF!</definedName>
    <definedName name="物件費０９金額_44">#REF!</definedName>
    <definedName name="物件費０９金額_45">#REF!</definedName>
    <definedName name="物件費０９金額_46">#REF!</definedName>
    <definedName name="物件費０９金額_5">#REF!</definedName>
    <definedName name="物件費０９金額_6">#REF!</definedName>
    <definedName name="物件費０９金額_7">#REF!</definedName>
    <definedName name="物件費０９金額_8">#REF!</definedName>
    <definedName name="物件費０９金額_9">#REF!</definedName>
    <definedName name="物件費０９税額_1">#REF!</definedName>
    <definedName name="物件費０９税額_10">#REF!</definedName>
    <definedName name="物件費０９税額_11">#REF!</definedName>
    <definedName name="物件費０９税額_12">#REF!</definedName>
    <definedName name="物件費０９税額_13">#REF!</definedName>
    <definedName name="物件費０９税額_14">#REF!</definedName>
    <definedName name="物件費０９税額_15">#REF!</definedName>
    <definedName name="物件費０９税額_16">#REF!</definedName>
    <definedName name="物件費０９税額_17">#REF!</definedName>
    <definedName name="物件費０９税額_18">#REF!</definedName>
    <definedName name="物件費０９税額_19">#REF!</definedName>
    <definedName name="物件費０９税額_2">#REF!</definedName>
    <definedName name="物件費０９税額_20">#REF!</definedName>
    <definedName name="物件費０９税額_21">#REF!</definedName>
    <definedName name="物件費０９税額_22">#REF!</definedName>
    <definedName name="物件費０９税額_23">#REF!</definedName>
    <definedName name="物件費０９税額_24">#REF!</definedName>
    <definedName name="物件費０９税額_25">#REF!</definedName>
    <definedName name="物件費０９税額_26">#REF!</definedName>
    <definedName name="物件費０９税額_27">#REF!</definedName>
    <definedName name="物件費０９税額_28">#REF!</definedName>
    <definedName name="物件費０９税額_29">#REF!</definedName>
    <definedName name="物件費０９税額_3">#REF!</definedName>
    <definedName name="物件費０９税額_30">#REF!</definedName>
    <definedName name="物件費０９税額_31">#REF!</definedName>
    <definedName name="物件費０９税額_32">#REF!</definedName>
    <definedName name="物件費０９税額_33">#REF!</definedName>
    <definedName name="物件費０９税額_34">#REF!</definedName>
    <definedName name="物件費０９税額_35">#REF!</definedName>
    <definedName name="物件費０９税額_36">#REF!</definedName>
    <definedName name="物件費０９税額_37">#REF!</definedName>
    <definedName name="物件費０９税額_38">#REF!</definedName>
    <definedName name="物件費０９税額_39">#REF!</definedName>
    <definedName name="物件費０９税額_4">#REF!</definedName>
    <definedName name="物件費０９税額_40">#REF!</definedName>
    <definedName name="物件費０９税額_41">#REF!</definedName>
    <definedName name="物件費０９税額_42">#REF!</definedName>
    <definedName name="物件費０９税額_43">#REF!</definedName>
    <definedName name="物件費０９税額_44">#REF!</definedName>
    <definedName name="物件費０９税額_45">#REF!</definedName>
    <definedName name="物件費０９税額_46">#REF!</definedName>
    <definedName name="物件費０９税額_5">#REF!</definedName>
    <definedName name="物件費０９税額_6">#REF!</definedName>
    <definedName name="物件費０９税額_7">#REF!</definedName>
    <definedName name="物件費０９税額_8">#REF!</definedName>
    <definedName name="物件費０９税額_9">#REF!</definedName>
    <definedName name="物件費１０金額_1">#REF!</definedName>
    <definedName name="物件費１０金額_10">#REF!</definedName>
    <definedName name="物件費１０金額_11">#REF!</definedName>
    <definedName name="物件費１０金額_12">#REF!</definedName>
    <definedName name="物件費１０金額_13">#REF!</definedName>
    <definedName name="物件費１０金額_14">#REF!</definedName>
    <definedName name="物件費１０金額_15">#REF!</definedName>
    <definedName name="物件費１０金額_16">#REF!</definedName>
    <definedName name="物件費１０金額_17">#REF!</definedName>
    <definedName name="物件費１０金額_18">#REF!</definedName>
    <definedName name="物件費１０金額_19">#REF!</definedName>
    <definedName name="物件費１０金額_2">#REF!</definedName>
    <definedName name="物件費１０金額_20">#REF!</definedName>
    <definedName name="物件費１０金額_21">#REF!</definedName>
    <definedName name="物件費１０金額_22">#REF!</definedName>
    <definedName name="物件費１０金額_23">#REF!</definedName>
    <definedName name="物件費１０金額_24">#REF!</definedName>
    <definedName name="物件費１０金額_25">#REF!</definedName>
    <definedName name="物件費１０金額_26">#REF!</definedName>
    <definedName name="物件費１０金額_27">#REF!</definedName>
    <definedName name="物件費１０金額_28">#REF!</definedName>
    <definedName name="物件費１０金額_29">#REF!</definedName>
    <definedName name="物件費１０金額_3">#REF!</definedName>
    <definedName name="物件費１０金額_30">#REF!</definedName>
    <definedName name="物件費１０金額_31">#REF!</definedName>
    <definedName name="物件費１０金額_32">#REF!</definedName>
    <definedName name="物件費１０金額_33">#REF!</definedName>
    <definedName name="物件費１０金額_34">#REF!</definedName>
    <definedName name="物件費１０金額_35">#REF!</definedName>
    <definedName name="物件費１０金額_36">#REF!</definedName>
    <definedName name="物件費１０金額_37">#REF!</definedName>
    <definedName name="物件費１０金額_38">#REF!</definedName>
    <definedName name="物件費１０金額_39">#REF!</definedName>
    <definedName name="物件費１０金額_4">#REF!</definedName>
    <definedName name="物件費１０金額_40">#REF!</definedName>
    <definedName name="物件費１０金額_41">#REF!</definedName>
    <definedName name="物件費１０金額_42">#REF!</definedName>
    <definedName name="物件費１０金額_43">#REF!</definedName>
    <definedName name="物件費１０金額_44">#REF!</definedName>
    <definedName name="物件費１０金額_45">#REF!</definedName>
    <definedName name="物件費１０金額_46">#REF!</definedName>
    <definedName name="物件費１０金額_5">#REF!</definedName>
    <definedName name="物件費１０金額_6">#REF!</definedName>
    <definedName name="物件費１０金額_7">#REF!</definedName>
    <definedName name="物件費１０金額_8">#REF!</definedName>
    <definedName name="物件費１０金額_9">#REF!</definedName>
    <definedName name="物件費１０税額_1">#REF!</definedName>
    <definedName name="物件費１０税額_10">#REF!</definedName>
    <definedName name="物件費１０税額_11">#REF!</definedName>
    <definedName name="物件費１０税額_12">#REF!</definedName>
    <definedName name="物件費１０税額_13">#REF!</definedName>
    <definedName name="物件費１０税額_14">#REF!</definedName>
    <definedName name="物件費１０税額_15">#REF!</definedName>
    <definedName name="物件費１０税額_16">#REF!</definedName>
    <definedName name="物件費１０税額_17">#REF!</definedName>
    <definedName name="物件費１０税額_18">#REF!</definedName>
    <definedName name="物件費１０税額_19">#REF!</definedName>
    <definedName name="物件費１０税額_2">#REF!</definedName>
    <definedName name="物件費１０税額_20">#REF!</definedName>
    <definedName name="物件費１０税額_21">#REF!</definedName>
    <definedName name="物件費１０税額_22">#REF!</definedName>
    <definedName name="物件費１０税額_23">#REF!</definedName>
    <definedName name="物件費１０税額_24">#REF!</definedName>
    <definedName name="物件費１０税額_25">#REF!</definedName>
    <definedName name="物件費１０税額_26">#REF!</definedName>
    <definedName name="物件費１０税額_27">#REF!</definedName>
    <definedName name="物件費１０税額_28">#REF!</definedName>
    <definedName name="物件費１０税額_29">#REF!</definedName>
    <definedName name="物件費１０税額_3">#REF!</definedName>
    <definedName name="物件費１０税額_30">#REF!</definedName>
    <definedName name="物件費１０税額_31">#REF!</definedName>
    <definedName name="物件費１０税額_32">#REF!</definedName>
    <definedName name="物件費１０税額_33">#REF!</definedName>
    <definedName name="物件費１０税額_34">#REF!</definedName>
    <definedName name="物件費１０税額_35">#REF!</definedName>
    <definedName name="物件費１０税額_36">#REF!</definedName>
    <definedName name="物件費１０税額_37">#REF!</definedName>
    <definedName name="物件費１０税額_38">#REF!</definedName>
    <definedName name="物件費１０税額_39">#REF!</definedName>
    <definedName name="物件費１０税額_4">#REF!</definedName>
    <definedName name="物件費１０税額_40">#REF!</definedName>
    <definedName name="物件費１０税額_41">#REF!</definedName>
    <definedName name="物件費１０税額_42">#REF!</definedName>
    <definedName name="物件費１０税額_43">#REF!</definedName>
    <definedName name="物件費１０税額_44">#REF!</definedName>
    <definedName name="物件費１０税額_45">#REF!</definedName>
    <definedName name="物件費１０税額_46">#REF!</definedName>
    <definedName name="物件費１０税額_5">#REF!</definedName>
    <definedName name="物件費１０税額_6">#REF!</definedName>
    <definedName name="物件費１０税額_7">#REF!</definedName>
    <definedName name="物件費１０税額_8">#REF!</definedName>
    <definedName name="物件費１０税額_9">#REF!</definedName>
    <definedName name="物件費左記以外金額_1">#REF!</definedName>
    <definedName name="物件費左記以外金額_10">#REF!</definedName>
    <definedName name="物件費左記以外金額_11">#REF!</definedName>
    <definedName name="物件費左記以外金額_12">#REF!</definedName>
    <definedName name="物件費左記以外金額_13">#REF!</definedName>
    <definedName name="物件費左記以外金額_14">#REF!</definedName>
    <definedName name="物件費左記以外金額_15">#REF!</definedName>
    <definedName name="物件費左記以外金額_16">#REF!</definedName>
    <definedName name="物件費左記以外金額_17">#REF!</definedName>
    <definedName name="物件費左記以外金額_18">#REF!</definedName>
    <definedName name="物件費左記以外金額_19">#REF!</definedName>
    <definedName name="物件費左記以外金額_2">#REF!</definedName>
    <definedName name="物件費左記以外金額_20">#REF!</definedName>
    <definedName name="物件費左記以外金額_21">#REF!</definedName>
    <definedName name="物件費左記以外金額_22">#REF!</definedName>
    <definedName name="物件費左記以外金額_23">#REF!</definedName>
    <definedName name="物件費左記以外金額_24">#REF!</definedName>
    <definedName name="物件費左記以外金額_25">#REF!</definedName>
    <definedName name="物件費左記以外金額_26">#REF!</definedName>
    <definedName name="物件費左記以外金額_27">#REF!</definedName>
    <definedName name="物件費左記以外金額_28">#REF!</definedName>
    <definedName name="物件費左記以外金額_29">#REF!</definedName>
    <definedName name="物件費左記以外金額_3">#REF!</definedName>
    <definedName name="物件費左記以外金額_30">#REF!</definedName>
    <definedName name="物件費左記以外金額_31">#REF!</definedName>
    <definedName name="物件費左記以外金額_32">#REF!</definedName>
    <definedName name="物件費左記以外金額_33">#REF!</definedName>
    <definedName name="物件費左記以外金額_34">#REF!</definedName>
    <definedName name="物件費左記以外金額_35">#REF!</definedName>
    <definedName name="物件費左記以外金額_36">#REF!</definedName>
    <definedName name="物件費左記以外金額_37">#REF!</definedName>
    <definedName name="物件費左記以外金額_38">#REF!</definedName>
    <definedName name="物件費左記以外金額_39">#REF!</definedName>
    <definedName name="物件費左記以外金額_4">#REF!</definedName>
    <definedName name="物件費左記以外金額_40">#REF!</definedName>
    <definedName name="物件費左記以外金額_41">#REF!</definedName>
    <definedName name="物件費左記以外金額_42">#REF!</definedName>
    <definedName name="物件費左記以外金額_43">#REF!</definedName>
    <definedName name="物件費左記以外金額_44">#REF!</definedName>
    <definedName name="物件費左記以外金額_45">#REF!</definedName>
    <definedName name="物件費左記以外金額_46">#REF!</definedName>
    <definedName name="物件費左記以外金額_5">#REF!</definedName>
    <definedName name="物件費左記以外金額_6">#REF!</definedName>
    <definedName name="物件費左記以外金額_7">#REF!</definedName>
    <definedName name="物件費左記以外金額_8">#REF!</definedName>
    <definedName name="物件費左記以外金額_9">#REF!</definedName>
    <definedName name="物件費左記以外税額_1">#REF!</definedName>
    <definedName name="物件費左記以外税額_10">#REF!</definedName>
    <definedName name="物件費左記以外税額_11">#REF!</definedName>
    <definedName name="物件費左記以外税額_12">#REF!</definedName>
    <definedName name="物件費左記以外税額_13">#REF!</definedName>
    <definedName name="物件費左記以外税額_14">#REF!</definedName>
    <definedName name="物件費左記以外税額_15">#REF!</definedName>
    <definedName name="物件費左記以外税額_16">#REF!</definedName>
    <definedName name="物件費左記以外税額_17">#REF!</definedName>
    <definedName name="物件費左記以外税額_18">#REF!</definedName>
    <definedName name="物件費左記以外税額_19">#REF!</definedName>
    <definedName name="物件費左記以外税額_2">#REF!</definedName>
    <definedName name="物件費左記以外税額_20">#REF!</definedName>
    <definedName name="物件費左記以外税額_21">#REF!</definedName>
    <definedName name="物件費左記以外税額_22">#REF!</definedName>
    <definedName name="物件費左記以外税額_23">#REF!</definedName>
    <definedName name="物件費左記以外税額_24">#REF!</definedName>
    <definedName name="物件費左記以外税額_25">#REF!</definedName>
    <definedName name="物件費左記以外税額_26">#REF!</definedName>
    <definedName name="物件費左記以外税額_27">#REF!</definedName>
    <definedName name="物件費左記以外税額_28">#REF!</definedName>
    <definedName name="物件費左記以外税額_29">#REF!</definedName>
    <definedName name="物件費左記以外税額_3">#REF!</definedName>
    <definedName name="物件費左記以外税額_30">#REF!</definedName>
    <definedName name="物件費左記以外税額_31">#REF!</definedName>
    <definedName name="物件費左記以外税額_32">#REF!</definedName>
    <definedName name="物件費左記以外税額_33">#REF!</definedName>
    <definedName name="物件費左記以外税額_34">#REF!</definedName>
    <definedName name="物件費左記以外税額_35">#REF!</definedName>
    <definedName name="物件費左記以外税額_36">#REF!</definedName>
    <definedName name="物件費左記以外税額_37">#REF!</definedName>
    <definedName name="物件費左記以外税額_38">#REF!</definedName>
    <definedName name="物件費左記以外税額_39">#REF!</definedName>
    <definedName name="物件費左記以外税額_4">#REF!</definedName>
    <definedName name="物件費左記以外税額_40">#REF!</definedName>
    <definedName name="物件費左記以外税額_41">#REF!</definedName>
    <definedName name="物件費左記以外税額_42">#REF!</definedName>
    <definedName name="物件費左記以外税額_43">#REF!</definedName>
    <definedName name="物件費左記以外税額_44">#REF!</definedName>
    <definedName name="物件費左記以外税額_45">#REF!</definedName>
    <definedName name="物件費左記以外税額_46">#REF!</definedName>
    <definedName name="物件費左記以外税額_5">#REF!</definedName>
    <definedName name="物件費左記以外税額_6">#REF!</definedName>
    <definedName name="物件費左記以外税額_7">#REF!</definedName>
    <definedName name="物件費左記以外税額_8">#REF!</definedName>
    <definedName name="物件費左記以外税額_9">#REF!</definedName>
    <definedName name="物件費名称_1">#REF!</definedName>
    <definedName name="物件費名称_10">#REF!</definedName>
    <definedName name="物件費名称_11">#REF!</definedName>
    <definedName name="物件費名称_12">#REF!</definedName>
    <definedName name="物件費名称_13">#REF!</definedName>
    <definedName name="物件費名称_14">#REF!</definedName>
    <definedName name="物件費名称_15">#REF!</definedName>
    <definedName name="物件費名称_16">#REF!</definedName>
    <definedName name="物件費名称_17">#REF!</definedName>
    <definedName name="物件費名称_18">#REF!</definedName>
    <definedName name="物件費名称_19">#REF!</definedName>
    <definedName name="物件費名称_2">#REF!</definedName>
    <definedName name="物件費名称_20">#REF!</definedName>
    <definedName name="物件費名称_21">#REF!</definedName>
    <definedName name="物件費名称_22">#REF!</definedName>
    <definedName name="物件費名称_23">#REF!</definedName>
    <definedName name="物件費名称_24">#REF!</definedName>
    <definedName name="物件費名称_25">#REF!</definedName>
    <definedName name="物件費名称_26">#REF!</definedName>
    <definedName name="物件費名称_27">#REF!</definedName>
    <definedName name="物件費名称_28">#REF!</definedName>
    <definedName name="物件費名称_29">#REF!</definedName>
    <definedName name="物件費名称_3">#REF!</definedName>
    <definedName name="物件費名称_30">#REF!</definedName>
    <definedName name="物件費名称_31">#REF!</definedName>
    <definedName name="物件費名称_32">#REF!</definedName>
    <definedName name="物件費名称_33">#REF!</definedName>
    <definedName name="物件費名称_34">#REF!</definedName>
    <definedName name="物件費名称_35">#REF!</definedName>
    <definedName name="物件費名称_36">#REF!</definedName>
    <definedName name="物件費名称_37">#REF!</definedName>
    <definedName name="物件費名称_38">#REF!</definedName>
    <definedName name="物件費名称_39">#REF!</definedName>
    <definedName name="物件費名称_4">#REF!</definedName>
    <definedName name="物件費名称_40">#REF!</definedName>
    <definedName name="物件費名称_41">#REF!</definedName>
    <definedName name="物件費名称_42">#REF!</definedName>
    <definedName name="物件費名称_43">#REF!</definedName>
    <definedName name="物件費名称_44">#REF!</definedName>
    <definedName name="物件費名称_45">#REF!</definedName>
    <definedName name="物件費名称_46">#REF!</definedName>
    <definedName name="物件費名称_5">#REF!</definedName>
    <definedName name="物件費名称_6">#REF!</definedName>
    <definedName name="物件費名称_7">#REF!</definedName>
    <definedName name="物件費名称_8">#REF!</definedName>
    <definedName name="物件費名称_9">#REF!</definedName>
    <definedName name="分類">'[2]様式17(見直し一覧)'!$A$38:$A$47</definedName>
    <definedName name="予算">#REF!</definedName>
    <definedName name="予備費金額">#REF!</definedName>
    <definedName name="予備費税額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6" i="77" l="1"/>
  <c r="F17" i="77"/>
  <c r="E17" i="77"/>
  <c r="E16" i="77"/>
  <c r="I18" i="77" l="1"/>
  <c r="H18" i="77" s="1"/>
  <c r="E18" i="77"/>
  <c r="I19" i="77" l="1"/>
  <c r="F19" i="77"/>
  <c r="F18" i="77"/>
  <c r="E19" i="77"/>
  <c r="G17" i="77"/>
  <c r="G16" i="77"/>
  <c r="G15" i="77"/>
  <c r="G14" i="77"/>
  <c r="G13" i="77"/>
  <c r="G12" i="77"/>
  <c r="G18" i="77" l="1"/>
  <c r="G19" i="77" l="1"/>
</calcChain>
</file>

<file path=xl/sharedStrings.xml><?xml version="1.0" encoding="utf-8"?>
<sst xmlns="http://schemas.openxmlformats.org/spreadsheetml/2006/main" count="35" uniqueCount="30"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3"/>
  </si>
  <si>
    <t>(単位：千円)</t>
    <phoneticPr fontId="3"/>
  </si>
  <si>
    <t>通し</t>
    <phoneticPr fontId="3"/>
  </si>
  <si>
    <t>番号</t>
    <phoneticPr fontId="3"/>
  </si>
  <si>
    <t>　　</t>
  </si>
  <si>
    <t>所属計</t>
    <rPh sb="0" eb="2">
      <t>ショゾク</t>
    </rPh>
    <phoneticPr fontId="3"/>
  </si>
  <si>
    <t>(款-項-目)</t>
    <rPh sb="1" eb="2">
      <t>カン</t>
    </rPh>
    <rPh sb="3" eb="4">
      <t>コウ</t>
    </rPh>
    <rPh sb="5" eb="6">
      <t>モク</t>
    </rPh>
    <phoneticPr fontId="3"/>
  </si>
  <si>
    <t>増  減</t>
    <rPh sb="0" eb="1">
      <t>ゾウ</t>
    </rPh>
    <rPh sb="3" eb="4">
      <t>ゲン</t>
    </rPh>
    <phoneticPr fontId="3"/>
  </si>
  <si>
    <t>（② - ①）</t>
    <phoneticPr fontId="3"/>
  </si>
  <si>
    <t>事  業  名</t>
    <phoneticPr fontId="3"/>
  </si>
  <si>
    <t>備  考</t>
    <phoneticPr fontId="3"/>
  </si>
  <si>
    <t>科 目</t>
    <rPh sb="0" eb="1">
      <t>カ</t>
    </rPh>
    <rPh sb="2" eb="3">
      <t>メ</t>
    </rPh>
    <phoneticPr fontId="3"/>
  </si>
  <si>
    <t>担 当 課</t>
    <rPh sb="0" eb="1">
      <t>タン</t>
    </rPh>
    <rPh sb="2" eb="3">
      <t>トウ</t>
    </rPh>
    <rPh sb="4" eb="5">
      <t>カ</t>
    </rPh>
    <phoneticPr fontId="3"/>
  </si>
  <si>
    <t>当 初 ①</t>
    <phoneticPr fontId="3"/>
  </si>
  <si>
    <t>予 算 案 ②</t>
  </si>
  <si>
    <t>予算事業一覧</t>
    <rPh sb="4" eb="6">
      <t>イチラン</t>
    </rPh>
    <phoneticPr fontId="3"/>
  </si>
  <si>
    <t>出</t>
    <rPh sb="0" eb="1">
      <t>デ</t>
    </rPh>
    <phoneticPr fontId="3"/>
  </si>
  <si>
    <t>税</t>
    <rPh sb="0" eb="1">
      <t>ゼイ</t>
    </rPh>
    <phoneticPr fontId="3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3"/>
  </si>
  <si>
    <t>区ＣＭ出</t>
    <rPh sb="0" eb="1">
      <t>ク</t>
    </rPh>
    <rPh sb="3" eb="4">
      <t>デ</t>
    </rPh>
    <phoneticPr fontId="4"/>
  </si>
  <si>
    <t>区ＣＭ税</t>
    <rPh sb="0" eb="1">
      <t>ク</t>
    </rPh>
    <rPh sb="3" eb="4">
      <t>ゼイ</t>
    </rPh>
    <phoneticPr fontId="4"/>
  </si>
  <si>
    <t>4 年 度</t>
    <phoneticPr fontId="3"/>
  </si>
  <si>
    <t>5 年 度</t>
    <rPh sb="2" eb="3">
      <t>ネン</t>
    </rPh>
    <rPh sb="4" eb="5">
      <t>ド</t>
    </rPh>
    <phoneticPr fontId="4"/>
  </si>
  <si>
    <t>所属名　市政改革室　</t>
    <rPh sb="0" eb="2">
      <t>ショゾク</t>
    </rPh>
    <rPh sb="2" eb="3">
      <t>メイ</t>
    </rPh>
    <rPh sb="4" eb="9">
      <t>シセイカイカクシツ</t>
    </rPh>
    <phoneticPr fontId="3"/>
  </si>
  <si>
    <t>2-1-3</t>
    <phoneticPr fontId="3"/>
  </si>
  <si>
    <t>PDCA関係費</t>
    <rPh sb="4" eb="7">
      <t>カンケイヒ</t>
    </rPh>
    <phoneticPr fontId="4"/>
  </si>
  <si>
    <t>その他市政改革の推進に係る経費</t>
    <rPh sb="2" eb="3">
      <t>タ</t>
    </rPh>
    <rPh sb="3" eb="7">
      <t>シセイカイカク</t>
    </rPh>
    <rPh sb="8" eb="10">
      <t>スイシン</t>
    </rPh>
    <rPh sb="11" eb="12">
      <t>カカ</t>
    </rPh>
    <rPh sb="13" eb="15">
      <t>ケイヒ</t>
    </rPh>
    <phoneticPr fontId="3"/>
  </si>
  <si>
    <t>市政改革費計</t>
    <rPh sb="0" eb="2">
      <t>シセイ</t>
    </rPh>
    <rPh sb="2" eb="4">
      <t>カイカク</t>
    </rPh>
    <rPh sb="4" eb="5">
      <t>ヒ</t>
    </rPh>
    <rPh sb="5" eb="6">
      <t>ケイ</t>
    </rPh>
    <phoneticPr fontId="3"/>
  </si>
  <si>
    <t>行政改革担当　他</t>
    <rPh sb="0" eb="6">
      <t>ギョウセイカイカクタントウ</t>
    </rPh>
    <rPh sb="7" eb="8">
      <t>ホカ</t>
    </rPh>
    <phoneticPr fontId="3"/>
  </si>
  <si>
    <t>大規模事業リスク
担当　他</t>
    <rPh sb="0" eb="3">
      <t>ダイキボ</t>
    </rPh>
    <rPh sb="3" eb="5">
      <t>ジギョウ</t>
    </rPh>
    <rPh sb="9" eb="11">
      <t>タントウ</t>
    </rPh>
    <rPh sb="12" eb="13">
      <t>ホカ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0_ "/>
    <numFmt numFmtId="177" formatCode="#,##0;&quot;△ &quot;#,##0"/>
    <numFmt numFmtId="178" formatCode="\(#,##0\);\(&quot;△ &quot;#,##0\)"/>
    <numFmt numFmtId="179" formatCode="\(#,##0\)"/>
  </numFmts>
  <fonts count="13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</borders>
  <cellStyleXfs count="9">
    <xf numFmtId="0" fontId="0" fillId="0" borderId="0"/>
    <xf numFmtId="38" fontId="5" fillId="0" borderId="0" applyFont="0" applyFill="0" applyBorder="0" applyAlignment="0" applyProtection="0"/>
    <xf numFmtId="0" fontId="5" fillId="0" borderId="0"/>
    <xf numFmtId="0" fontId="2" fillId="0" borderId="0"/>
    <xf numFmtId="0" fontId="5" fillId="0" borderId="0"/>
    <xf numFmtId="38" fontId="5" fillId="0" borderId="0" applyFont="0" applyFill="0" applyBorder="0" applyAlignment="0" applyProtection="0"/>
    <xf numFmtId="0" fontId="1" fillId="0" borderId="0">
      <alignment vertical="center"/>
    </xf>
    <xf numFmtId="0" fontId="12" fillId="0" borderId="0" applyNumberFormat="0" applyFill="0" applyBorder="0" applyAlignment="0" applyProtection="0"/>
    <xf numFmtId="0" fontId="12" fillId="0" borderId="0" applyNumberFormat="0" applyFill="0" applyBorder="0" applyAlignment="0" applyProtection="0"/>
  </cellStyleXfs>
  <cellXfs count="63">
    <xf numFmtId="0" fontId="0" fillId="0" borderId="0" xfId="0"/>
    <xf numFmtId="0" fontId="8" fillId="0" borderId="0" xfId="3" applyFont="1" applyAlignment="1">
      <alignment vertical="center"/>
    </xf>
    <xf numFmtId="0" fontId="6" fillId="0" borderId="0" xfId="3" applyFont="1" applyAlignment="1">
      <alignment vertical="center"/>
    </xf>
    <xf numFmtId="0" fontId="6" fillId="0" borderId="0" xfId="3" applyFont="1" applyAlignment="1">
      <alignment horizontal="center" vertical="center"/>
    </xf>
    <xf numFmtId="0" fontId="9" fillId="0" borderId="0" xfId="3" applyFont="1" applyAlignment="1">
      <alignment horizontal="left" vertical="center"/>
    </xf>
    <xf numFmtId="0" fontId="10" fillId="0" borderId="0" xfId="3" applyFont="1" applyAlignment="1">
      <alignment horizontal="right" vertical="center" wrapText="1"/>
    </xf>
    <xf numFmtId="0" fontId="6" fillId="0" borderId="0" xfId="3" applyFont="1" applyAlignment="1">
      <alignment horizontal="right" vertical="center"/>
    </xf>
    <xf numFmtId="0" fontId="10" fillId="0" borderId="0" xfId="3" applyFont="1" applyAlignment="1">
      <alignment horizontal="right" vertical="center"/>
    </xf>
    <xf numFmtId="0" fontId="7" fillId="0" borderId="5" xfId="3" applyFont="1" applyBorder="1" applyAlignment="1">
      <alignment horizontal="center" vertical="center"/>
    </xf>
    <xf numFmtId="0" fontId="7" fillId="0" borderId="6" xfId="3" applyFont="1" applyBorder="1" applyAlignment="1">
      <alignment horizontal="center" vertical="center"/>
    </xf>
    <xf numFmtId="0" fontId="7" fillId="0" borderId="8" xfId="3" applyFont="1" applyBorder="1" applyAlignment="1">
      <alignment horizontal="center" vertical="center"/>
    </xf>
    <xf numFmtId="0" fontId="7" fillId="0" borderId="4" xfId="3" applyFont="1" applyBorder="1" applyAlignment="1">
      <alignment horizontal="center" vertical="center"/>
    </xf>
    <xf numFmtId="177" fontId="6" fillId="0" borderId="10" xfId="3" applyNumberFormat="1" applyFont="1" applyBorder="1" applyAlignment="1">
      <alignment vertical="center" shrinkToFit="1"/>
    </xf>
    <xf numFmtId="177" fontId="6" fillId="0" borderId="11" xfId="3" applyNumberFormat="1" applyFont="1" applyBorder="1" applyAlignment="1">
      <alignment horizontal="right" vertical="center" shrinkToFit="1"/>
    </xf>
    <xf numFmtId="179" fontId="6" fillId="0" borderId="10" xfId="3" applyNumberFormat="1" applyFont="1" applyBorder="1" applyAlignment="1">
      <alignment vertical="center" shrinkToFit="1"/>
    </xf>
    <xf numFmtId="178" fontId="6" fillId="0" borderId="9" xfId="3" applyNumberFormat="1" applyFont="1" applyBorder="1" applyAlignment="1">
      <alignment vertical="center" shrinkToFit="1"/>
    </xf>
    <xf numFmtId="177" fontId="6" fillId="0" borderId="11" xfId="3" applyNumberFormat="1" applyFont="1" applyBorder="1" applyAlignment="1">
      <alignment vertical="center" shrinkToFit="1"/>
    </xf>
    <xf numFmtId="179" fontId="6" fillId="0" borderId="9" xfId="3" applyNumberFormat="1" applyFont="1" applyBorder="1" applyAlignment="1">
      <alignment vertical="center" shrinkToFit="1"/>
    </xf>
    <xf numFmtId="177" fontId="6" fillId="0" borderId="12" xfId="3" applyNumberFormat="1" applyFont="1" applyBorder="1" applyAlignment="1">
      <alignment horizontal="right" vertical="center" shrinkToFit="1"/>
    </xf>
    <xf numFmtId="178" fontId="6" fillId="0" borderId="13" xfId="3" applyNumberFormat="1" applyFont="1" applyBorder="1" applyAlignment="1">
      <alignment vertical="center" shrinkToFit="1"/>
    </xf>
    <xf numFmtId="179" fontId="6" fillId="0" borderId="14" xfId="3" applyNumberFormat="1" applyFont="1" applyBorder="1" applyAlignment="1">
      <alignment vertical="center" shrinkToFit="1"/>
    </xf>
    <xf numFmtId="178" fontId="6" fillId="0" borderId="14" xfId="3" applyNumberFormat="1" applyFont="1" applyBorder="1" applyAlignment="1">
      <alignment vertical="center" shrinkToFit="1"/>
    </xf>
    <xf numFmtId="178" fontId="6" fillId="0" borderId="15" xfId="3" applyNumberFormat="1" applyFont="1" applyBorder="1" applyAlignment="1">
      <alignment vertical="center" shrinkToFit="1"/>
    </xf>
    <xf numFmtId="0" fontId="6" fillId="0" borderId="0" xfId="3" applyFont="1" applyAlignment="1">
      <alignment horizontal="left" vertical="center"/>
    </xf>
    <xf numFmtId="0" fontId="7" fillId="0" borderId="0" xfId="3" applyFont="1" applyAlignment="1">
      <alignment vertical="center"/>
    </xf>
    <xf numFmtId="0" fontId="7" fillId="0" borderId="7" xfId="3" applyFont="1" applyBorder="1" applyAlignment="1">
      <alignment horizontal="center" vertical="center"/>
    </xf>
    <xf numFmtId="0" fontId="7" fillId="0" borderId="9" xfId="3" applyFont="1" applyBorder="1" applyAlignment="1">
      <alignment horizontal="center" vertical="center"/>
    </xf>
    <xf numFmtId="0" fontId="9" fillId="0" borderId="0" xfId="3" applyFont="1" applyAlignment="1">
      <alignment horizontal="right" vertical="center"/>
    </xf>
    <xf numFmtId="0" fontId="7" fillId="0" borderId="0" xfId="3" applyFont="1" applyAlignment="1">
      <alignment horizontal="center" vertical="center"/>
    </xf>
    <xf numFmtId="0" fontId="7" fillId="0" borderId="0" xfId="3" applyFont="1" applyAlignment="1">
      <alignment horizontal="center" vertical="center" shrinkToFit="1"/>
    </xf>
    <xf numFmtId="0" fontId="11" fillId="0" borderId="0" xfId="0" applyFont="1" applyAlignment="1">
      <alignment horizontal="right" vertical="center"/>
    </xf>
    <xf numFmtId="177" fontId="6" fillId="0" borderId="12" xfId="3" applyNumberFormat="1" applyFont="1" applyBorder="1" applyAlignment="1">
      <alignment vertical="center" shrinkToFit="1"/>
    </xf>
    <xf numFmtId="177" fontId="6" fillId="0" borderId="27" xfId="3" applyNumberFormat="1" applyFont="1" applyBorder="1" applyAlignment="1">
      <alignment vertical="center" shrinkToFit="1"/>
    </xf>
    <xf numFmtId="0" fontId="7" fillId="0" borderId="19" xfId="3" applyFont="1" applyBorder="1" applyAlignment="1">
      <alignment horizontal="center" vertical="center"/>
    </xf>
    <xf numFmtId="0" fontId="7" fillId="0" borderId="20" xfId="3" applyFont="1" applyBorder="1" applyAlignment="1">
      <alignment horizontal="center" vertical="center"/>
    </xf>
    <xf numFmtId="0" fontId="7" fillId="0" borderId="1" xfId="3" applyFont="1" applyBorder="1" applyAlignment="1">
      <alignment horizontal="center" vertical="center"/>
    </xf>
    <xf numFmtId="0" fontId="7" fillId="0" borderId="17" xfId="3" applyFont="1" applyBorder="1" applyAlignment="1">
      <alignment horizontal="center" vertical="center"/>
    </xf>
    <xf numFmtId="0" fontId="7" fillId="0" borderId="18" xfId="3" applyFont="1" applyBorder="1" applyAlignment="1">
      <alignment horizontal="center" vertical="center"/>
    </xf>
    <xf numFmtId="0" fontId="7" fillId="0" borderId="26" xfId="3" applyFont="1" applyBorder="1" applyAlignment="1">
      <alignment horizontal="center" vertical="center"/>
    </xf>
    <xf numFmtId="0" fontId="7" fillId="0" borderId="2" xfId="3" applyFont="1" applyBorder="1" applyAlignment="1">
      <alignment horizontal="center" vertical="center"/>
    </xf>
    <xf numFmtId="0" fontId="7" fillId="0" borderId="24" xfId="3" applyFont="1" applyBorder="1" applyAlignment="1">
      <alignment horizontal="center" vertical="center"/>
    </xf>
    <xf numFmtId="176" fontId="7" fillId="0" borderId="19" xfId="3" applyNumberFormat="1" applyFont="1" applyBorder="1" applyAlignment="1">
      <alignment horizontal="center" vertical="center"/>
    </xf>
    <xf numFmtId="176" fontId="7" fillId="0" borderId="20" xfId="3" applyNumberFormat="1" applyFont="1" applyBorder="1" applyAlignment="1">
      <alignment horizontal="center" vertical="center"/>
    </xf>
    <xf numFmtId="176" fontId="7" fillId="0" borderId="1" xfId="3" applyNumberFormat="1" applyFont="1" applyBorder="1" applyAlignment="1">
      <alignment horizontal="center" vertical="center"/>
    </xf>
    <xf numFmtId="176" fontId="7" fillId="0" borderId="21" xfId="3" applyNumberFormat="1" applyFont="1" applyBorder="1" applyAlignment="1">
      <alignment horizontal="center" vertical="center"/>
    </xf>
    <xf numFmtId="176" fontId="7" fillId="0" borderId="22" xfId="3" applyNumberFormat="1" applyFont="1" applyBorder="1" applyAlignment="1">
      <alignment horizontal="center" vertical="center"/>
    </xf>
    <xf numFmtId="176" fontId="7" fillId="0" borderId="4" xfId="3" applyNumberFormat="1" applyFont="1" applyBorder="1" applyAlignment="1">
      <alignment horizontal="center" vertical="center"/>
    </xf>
    <xf numFmtId="0" fontId="7" fillId="0" borderId="3" xfId="3" applyFont="1" applyBorder="1" applyAlignment="1">
      <alignment horizontal="center" vertical="center"/>
    </xf>
    <xf numFmtId="177" fontId="7" fillId="0" borderId="25" xfId="3" applyNumberFormat="1" applyFont="1" applyBorder="1" applyAlignment="1">
      <alignment horizontal="center" vertical="center" wrapText="1"/>
    </xf>
    <xf numFmtId="177" fontId="7" fillId="0" borderId="8" xfId="3" applyNumberFormat="1" applyFont="1" applyBorder="1" applyAlignment="1">
      <alignment horizontal="center" vertical="center" wrapText="1"/>
    </xf>
    <xf numFmtId="49" fontId="7" fillId="0" borderId="11" xfId="3" applyNumberFormat="1" applyFont="1" applyBorder="1" applyAlignment="1">
      <alignment horizontal="center" vertical="center"/>
    </xf>
    <xf numFmtId="49" fontId="7" fillId="0" borderId="9" xfId="3" applyNumberFormat="1" applyFont="1" applyBorder="1" applyAlignment="1">
      <alignment horizontal="center" vertical="center"/>
    </xf>
    <xf numFmtId="0" fontId="12" fillId="0" borderId="11" xfId="8" applyNumberFormat="1" applyFill="1" applyBorder="1" applyAlignment="1">
      <alignment horizontal="left" vertical="center" wrapText="1"/>
    </xf>
    <xf numFmtId="0" fontId="12" fillId="0" borderId="9" xfId="8" applyNumberFormat="1" applyFill="1" applyBorder="1" applyAlignment="1">
      <alignment horizontal="left" vertical="center" wrapText="1"/>
    </xf>
    <xf numFmtId="177" fontId="7" fillId="0" borderId="11" xfId="3" applyNumberFormat="1" applyFont="1" applyBorder="1" applyAlignment="1">
      <alignment horizontal="center" vertical="center" wrapText="1"/>
    </xf>
    <xf numFmtId="177" fontId="7" fillId="0" borderId="9" xfId="3" applyNumberFormat="1" applyFont="1" applyBorder="1" applyAlignment="1">
      <alignment horizontal="center" vertical="center" wrapText="1"/>
    </xf>
    <xf numFmtId="0" fontId="10" fillId="0" borderId="18" xfId="3" applyFont="1" applyBorder="1" applyAlignment="1">
      <alignment horizontal="right" vertical="center" wrapText="1"/>
    </xf>
    <xf numFmtId="0" fontId="7" fillId="0" borderId="7" xfId="3" applyFont="1" applyBorder="1" applyAlignment="1">
      <alignment horizontal="center" vertical="center"/>
    </xf>
    <xf numFmtId="0" fontId="7" fillId="0" borderId="9" xfId="3" applyFont="1" applyBorder="1" applyAlignment="1">
      <alignment horizontal="center" vertical="center"/>
    </xf>
    <xf numFmtId="0" fontId="7" fillId="0" borderId="7" xfId="3" applyFont="1" applyBorder="1" applyAlignment="1">
      <alignment horizontal="center" vertical="center" wrapText="1"/>
    </xf>
    <xf numFmtId="0" fontId="7" fillId="0" borderId="23" xfId="3" applyFont="1" applyBorder="1" applyAlignment="1">
      <alignment horizontal="center" vertical="center"/>
    </xf>
    <xf numFmtId="0" fontId="7" fillId="0" borderId="16" xfId="3" applyFont="1" applyBorder="1" applyAlignment="1">
      <alignment horizontal="center" vertical="center"/>
    </xf>
    <xf numFmtId="0" fontId="7" fillId="0" borderId="13" xfId="3" applyFont="1" applyBorder="1" applyAlignment="1">
      <alignment horizontal="center" vertical="center"/>
    </xf>
  </cellXfs>
  <cellStyles count="9">
    <cellStyle name="ハイパーリンク" xfId="8" builtinId="8"/>
    <cellStyle name="ハイパーリンク 2" xfId="7" xr:uid="{00000000-0005-0000-0000-000001000000}"/>
    <cellStyle name="桁区切り 2" xfId="1" xr:uid="{00000000-0005-0000-0000-000002000000}"/>
    <cellStyle name="桁区切り 2 3" xfId="5" xr:uid="{00000000-0005-0000-0000-000003000000}"/>
    <cellStyle name="標準" xfId="0" builtinId="0"/>
    <cellStyle name="標準 17" xfId="4" xr:uid="{00000000-0005-0000-0000-000005000000}"/>
    <cellStyle name="標準 2" xfId="2" xr:uid="{00000000-0005-0000-0000-000006000000}"/>
    <cellStyle name="標準 3" xfId="6" xr:uid="{00000000-0005-0000-0000-000007000000}"/>
    <cellStyle name="標準_③予算事業別調書(目次様式)" xfId="3" xr:uid="{00000000-0005-0000-0000-000008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/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2" Type="http://schemas.openxmlformats.org/officeDocument/2006/relationships/hyperlink" Target="https://www.city.osaka.lg.jp/shiseikaikakushitsu/cmsfiles/contents/0000591/591956/sonota.xlsx" TargetMode="External"/><Relationship Id="rId1" Type="http://schemas.openxmlformats.org/officeDocument/2006/relationships/hyperlink" Target="https://www.city.osaka.lg.jp/shiseikaikakushitsu/cmsfiles/contents/0000591/591956/pdca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1:K22"/>
  <sheetViews>
    <sheetView tabSelected="1" view="pageBreakPreview" zoomScaleNormal="100" zoomScaleSheetLayoutView="100" workbookViewId="0">
      <selection activeCell="C14" sqref="C14:C15"/>
    </sheetView>
  </sheetViews>
  <sheetFormatPr defaultColWidth="8.6640625" defaultRowHeight="18" customHeight="1"/>
  <cols>
    <col min="1" max="1" width="3.77734375" style="2" customWidth="1"/>
    <col min="2" max="2" width="12.44140625" style="2" customWidth="1"/>
    <col min="3" max="3" width="23.77734375" style="2" customWidth="1"/>
    <col min="4" max="4" width="17.44140625" style="2" customWidth="1"/>
    <col min="5" max="5" width="12.44140625" style="2" customWidth="1"/>
    <col min="6" max="7" width="12.44140625" style="3" customWidth="1"/>
    <col min="8" max="8" width="6.21875" style="2" customWidth="1"/>
    <col min="9" max="9" width="9.33203125" style="2" customWidth="1"/>
    <col min="10" max="10" width="3.21875" style="2" bestFit="1" customWidth="1"/>
    <col min="11" max="11" width="7.33203125" style="2" bestFit="1" customWidth="1"/>
    <col min="12" max="12" width="2.88671875" style="2" customWidth="1"/>
    <col min="13" max="221" width="8.6640625" style="2" customWidth="1"/>
    <col min="222" max="16384" width="8.6640625" style="2"/>
  </cols>
  <sheetData>
    <row r="1" spans="1:10" ht="17.25" customHeight="1">
      <c r="G1" s="29"/>
    </row>
    <row r="2" spans="1:10" ht="17.25" customHeight="1">
      <c r="A2" s="1"/>
      <c r="B2" s="1"/>
      <c r="G2" s="28"/>
      <c r="I2" s="6"/>
    </row>
    <row r="3" spans="1:10" ht="17.25" customHeight="1">
      <c r="A3" s="1"/>
      <c r="B3" s="1"/>
      <c r="G3" s="28"/>
      <c r="I3" s="6"/>
    </row>
    <row r="4" spans="1:10" ht="17.25" customHeight="1">
      <c r="G4" s="28"/>
    </row>
    <row r="5" spans="1:10" ht="18" customHeight="1">
      <c r="A5" s="1" t="s">
        <v>15</v>
      </c>
      <c r="B5" s="1"/>
      <c r="G5" s="2"/>
      <c r="H5" s="30"/>
      <c r="I5" s="30"/>
    </row>
    <row r="6" spans="1:10" ht="15" customHeight="1">
      <c r="G6" s="2"/>
    </row>
    <row r="7" spans="1:10" ht="18" customHeight="1">
      <c r="A7" s="4" t="s">
        <v>18</v>
      </c>
      <c r="B7" s="4"/>
      <c r="F7" s="4"/>
      <c r="G7" s="4"/>
      <c r="I7" s="27" t="s">
        <v>23</v>
      </c>
    </row>
    <row r="8" spans="1:10" ht="10.5" customHeight="1">
      <c r="F8" s="4"/>
      <c r="G8" s="4"/>
    </row>
    <row r="9" spans="1:10" ht="27" customHeight="1" thickBot="1">
      <c r="E9" s="56" t="s">
        <v>0</v>
      </c>
      <c r="F9" s="56"/>
      <c r="G9" s="5"/>
      <c r="I9" s="7" t="s">
        <v>1</v>
      </c>
    </row>
    <row r="10" spans="1:10" ht="15" customHeight="1">
      <c r="A10" s="8" t="s">
        <v>2</v>
      </c>
      <c r="B10" s="9" t="s">
        <v>11</v>
      </c>
      <c r="C10" s="57" t="s">
        <v>9</v>
      </c>
      <c r="D10" s="59" t="s">
        <v>12</v>
      </c>
      <c r="E10" s="25" t="s">
        <v>21</v>
      </c>
      <c r="F10" s="9" t="s">
        <v>22</v>
      </c>
      <c r="G10" s="25" t="s">
        <v>7</v>
      </c>
      <c r="H10" s="60" t="s">
        <v>10</v>
      </c>
      <c r="I10" s="61"/>
    </row>
    <row r="11" spans="1:10" ht="15" customHeight="1">
      <c r="A11" s="10" t="s">
        <v>3</v>
      </c>
      <c r="B11" s="11" t="s">
        <v>6</v>
      </c>
      <c r="C11" s="58"/>
      <c r="D11" s="58"/>
      <c r="E11" s="26" t="s">
        <v>13</v>
      </c>
      <c r="F11" s="26" t="s">
        <v>14</v>
      </c>
      <c r="G11" s="26" t="s">
        <v>8</v>
      </c>
      <c r="H11" s="47"/>
      <c r="I11" s="62"/>
    </row>
    <row r="12" spans="1:10" ht="15" customHeight="1">
      <c r="A12" s="48">
        <v>1</v>
      </c>
      <c r="B12" s="50" t="s">
        <v>24</v>
      </c>
      <c r="C12" s="52" t="s">
        <v>25</v>
      </c>
      <c r="D12" s="54" t="s">
        <v>29</v>
      </c>
      <c r="E12" s="12">
        <v>16594</v>
      </c>
      <c r="F12" s="12">
        <v>11834</v>
      </c>
      <c r="G12" s="12">
        <f t="shared" ref="G12:G17" si="0">+F12-E12</f>
        <v>-4760</v>
      </c>
      <c r="H12" s="39" t="s">
        <v>4</v>
      </c>
      <c r="I12" s="31"/>
      <c r="J12" s="2" t="s">
        <v>16</v>
      </c>
    </row>
    <row r="13" spans="1:10" ht="15" customHeight="1">
      <c r="A13" s="49"/>
      <c r="B13" s="51"/>
      <c r="C13" s="53"/>
      <c r="D13" s="55"/>
      <c r="E13" s="14">
        <v>16594</v>
      </c>
      <c r="F13" s="14">
        <v>11834</v>
      </c>
      <c r="G13" s="15">
        <f t="shared" si="0"/>
        <v>-4760</v>
      </c>
      <c r="H13" s="47"/>
      <c r="I13" s="19"/>
      <c r="J13" s="2" t="s">
        <v>17</v>
      </c>
    </row>
    <row r="14" spans="1:10" ht="15" customHeight="1">
      <c r="A14" s="48">
        <v>2</v>
      </c>
      <c r="B14" s="50" t="s">
        <v>24</v>
      </c>
      <c r="C14" s="52" t="s">
        <v>26</v>
      </c>
      <c r="D14" s="54" t="s">
        <v>28</v>
      </c>
      <c r="E14" s="13">
        <v>8159</v>
      </c>
      <c r="F14" s="13">
        <v>8214</v>
      </c>
      <c r="G14" s="12">
        <f t="shared" si="0"/>
        <v>55</v>
      </c>
      <c r="H14" s="39"/>
      <c r="I14" s="32"/>
      <c r="J14" s="2" t="s">
        <v>16</v>
      </c>
    </row>
    <row r="15" spans="1:10" ht="15" customHeight="1">
      <c r="A15" s="49"/>
      <c r="B15" s="51"/>
      <c r="C15" s="53"/>
      <c r="D15" s="55"/>
      <c r="E15" s="17">
        <v>8159</v>
      </c>
      <c r="F15" s="17">
        <v>8214</v>
      </c>
      <c r="G15" s="15">
        <f t="shared" si="0"/>
        <v>55</v>
      </c>
      <c r="H15" s="47"/>
      <c r="I15" s="19"/>
      <c r="J15" s="2" t="s">
        <v>17</v>
      </c>
    </row>
    <row r="16" spans="1:10" ht="15" customHeight="1">
      <c r="A16" s="41" t="s">
        <v>27</v>
      </c>
      <c r="B16" s="42"/>
      <c r="C16" s="42"/>
      <c r="D16" s="43"/>
      <c r="E16" s="16">
        <f>E12+E14</f>
        <v>24753</v>
      </c>
      <c r="F16" s="16">
        <f>F12+F14</f>
        <v>20048</v>
      </c>
      <c r="G16" s="12">
        <f t="shared" si="0"/>
        <v>-4705</v>
      </c>
      <c r="H16" s="39"/>
      <c r="I16" s="32"/>
    </row>
    <row r="17" spans="1:11" ht="15" customHeight="1">
      <c r="A17" s="44"/>
      <c r="B17" s="45"/>
      <c r="C17" s="45"/>
      <c r="D17" s="46"/>
      <c r="E17" s="17">
        <f>E13+E15</f>
        <v>24753</v>
      </c>
      <c r="F17" s="17">
        <f>F13+F15</f>
        <v>20048</v>
      </c>
      <c r="G17" s="15">
        <f t="shared" si="0"/>
        <v>-4705</v>
      </c>
      <c r="H17" s="47"/>
      <c r="I17" s="19"/>
    </row>
    <row r="18" spans="1:11" ht="15" customHeight="1">
      <c r="A18" s="33" t="s">
        <v>5</v>
      </c>
      <c r="B18" s="34"/>
      <c r="C18" s="34"/>
      <c r="D18" s="35"/>
      <c r="E18" s="16">
        <f>+SUMIF($J12:$J17,$J18,E12:E17)</f>
        <v>24753</v>
      </c>
      <c r="F18" s="16">
        <f>+SUMIF($J12:$J17,$J18,F12:F17)</f>
        <v>20048</v>
      </c>
      <c r="G18" s="13">
        <f t="shared" ref="G18:G19" si="1">+F18-E18</f>
        <v>-4705</v>
      </c>
      <c r="H18" s="39" t="str">
        <f>IF(I18="　","　","区ＣＭ")</f>
        <v>　</v>
      </c>
      <c r="I18" s="18" t="str">
        <f>IF(SUMIF(K12:K17,K18,I12:I17)=0,"　",SUMIF(K12:K17,K18,I12:I17))</f>
        <v>　</v>
      </c>
      <c r="J18" s="2" t="s">
        <v>16</v>
      </c>
      <c r="K18" s="2" t="s">
        <v>19</v>
      </c>
    </row>
    <row r="19" spans="1:11" ht="15" customHeight="1" thickBot="1">
      <c r="A19" s="36"/>
      <c r="B19" s="37"/>
      <c r="C19" s="37"/>
      <c r="D19" s="38"/>
      <c r="E19" s="20">
        <f>+SUMIF($J12:$J17,$J19,E12:E17)</f>
        <v>24753</v>
      </c>
      <c r="F19" s="20">
        <f>+SUMIF($J12:$J17,$J19,F12:F17)</f>
        <v>20048</v>
      </c>
      <c r="G19" s="21">
        <f t="shared" si="1"/>
        <v>-4705</v>
      </c>
      <c r="H19" s="40"/>
      <c r="I19" s="22" t="str">
        <f>IF(SUMIF(K12:K17,K19,I12:I17)=0,"　",SUMIF(K12:K17,K19,I12:I17))</f>
        <v>　</v>
      </c>
      <c r="J19" s="2" t="s">
        <v>17</v>
      </c>
      <c r="K19" s="2" t="s">
        <v>20</v>
      </c>
    </row>
    <row r="20" spans="1:11" ht="18" customHeight="1">
      <c r="A20" s="23"/>
      <c r="D20" s="24"/>
      <c r="F20" s="6"/>
      <c r="G20" s="6"/>
      <c r="H20" s="23"/>
    </row>
    <row r="21" spans="1:11" ht="18" customHeight="1">
      <c r="F21" s="6"/>
      <c r="G21" s="6"/>
      <c r="H21" s="23"/>
    </row>
    <row r="22" spans="1:11" ht="18" customHeight="1">
      <c r="F22" s="6"/>
      <c r="G22" s="6"/>
      <c r="H22" s="23"/>
    </row>
  </sheetData>
  <mergeCells count="18">
    <mergeCell ref="E9:F9"/>
    <mergeCell ref="C10:C11"/>
    <mergeCell ref="D10:D11"/>
    <mergeCell ref="H10:I11"/>
    <mergeCell ref="A12:A13"/>
    <mergeCell ref="B12:B13"/>
    <mergeCell ref="C12:C13"/>
    <mergeCell ref="D12:D13"/>
    <mergeCell ref="H12:H13"/>
    <mergeCell ref="A18:D19"/>
    <mergeCell ref="H18:H19"/>
    <mergeCell ref="A16:D17"/>
    <mergeCell ref="H16:H17"/>
    <mergeCell ref="A14:A15"/>
    <mergeCell ref="B14:B15"/>
    <mergeCell ref="C14:C15"/>
    <mergeCell ref="D14:D15"/>
    <mergeCell ref="H14:H15"/>
  </mergeCells>
  <phoneticPr fontId="4"/>
  <dataValidations count="2">
    <dataValidation type="list" allowBlank="1" showInputMessage="1" showErrorMessage="1" sqref="H12:H15" xr:uid="{00000000-0002-0000-0000-000000000000}">
      <formula1>"　　,区ＣＭ"</formula1>
    </dataValidation>
    <dataValidation type="list" allowBlank="1" showInputMessage="1" showErrorMessage="1" sqref="F11" xr:uid="{00000000-0002-0000-0000-000001000000}">
      <formula1>"調 整 ③,予 算 案 ②,予 算 ②"</formula1>
    </dataValidation>
  </dataValidations>
  <hyperlinks>
    <hyperlink ref="C12:C13" r:id="rId1" display="PDCA関係費" xr:uid="{00000000-0004-0000-0000-000000000000}"/>
    <hyperlink ref="C14:C15" r:id="rId2" display="その他市政改革の推進に係る経費" xr:uid="{00000000-0004-0000-0000-000001000000}"/>
  </hyperlinks>
  <pageMargins left="0.70866141732283472" right="0.70866141732283472" top="0.78740157480314965" bottom="0.59055118110236227" header="0.31496062992125984" footer="0.31496062992125984"/>
  <pageSetup paperSize="9" scale="80" orientation="portrait" cellComments="asDisplayed"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般会計</vt:lpstr>
      <vt:lpstr>一般会計!Print_Area</vt:lpstr>
      <vt:lpstr>一般会計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2-28T10:38:21Z</dcterms:created>
  <dcterms:modified xsi:type="dcterms:W3CDTF">2023-02-14T10:09:05Z</dcterms:modified>
</cp:coreProperties>
</file>